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4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86" d="100"/>
          <a:sy n="86" d="100"/>
        </p:scale>
        <p:origin x="126" y="22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156160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1765485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15833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154152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27812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6880391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7808672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210847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941770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705687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9739607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D08955D-6913-4D2D-9E1A-3E771B2054C0}" type="datetimeFigureOut">
              <a:rPr lang="en-US" smtClean="0"/>
              <a:t>1/15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56E1B8-254F-4379-B126-A4EEC80E939C}" type="slidenum">
              <a:rPr lang="en-US" smtClean="0"/>
              <a:t>‹N°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505475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134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image" Target="../media/image1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image" Target="../media/image2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45" name="OTLSHAPE_TB_00000000000000000000000000000000_RightEndCaps" hidden="1"/>
          <p:cNvSpPr txBox="1"/>
          <p:nvPr>
            <p:custDataLst>
              <p:tags r:id="rId2"/>
            </p:custDataLst>
          </p:nvPr>
        </p:nvSpPr>
        <p:spPr>
          <a:xfrm>
            <a:off x="11400070" y="3479969"/>
            <a:ext cx="5461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Jul 18</a:t>
            </a:r>
          </a:p>
        </p:txBody>
      </p:sp>
      <p:cxnSp>
        <p:nvCxnSpPr>
          <p:cNvPr id="8085" name="OTLSHAPE_T_d0270a5647714b7b9ce45e9e3a2ed887_LeftVerticalConnector1" hidden="1"/>
          <p:cNvCxnSpPr/>
          <p:nvPr>
            <p:custDataLst>
              <p:tags r:id="rId3"/>
            </p:custDataLst>
          </p:nvPr>
        </p:nvCxnSpPr>
        <p:spPr>
          <a:xfrm flipV="1">
            <a:off x="9536254" y="3810000"/>
            <a:ext cx="0" cy="102353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47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49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796683" y="3810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50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851112" y="3937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125" name="OTLSHAPE_T_a30ad25f8d62454091aef3ee1703f8c3_ShapePercentage" hidden="1"/>
          <p:cNvSpPr/>
          <p:nvPr>
            <p:custDataLst>
              <p:tags r:id="rId7"/>
            </p:custDataLst>
          </p:nvPr>
        </p:nvSpPr>
        <p:spPr>
          <a:xfrm>
            <a:off x="1460507" y="4013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33" name="OTLSHAPE_T_f76a2f58a2d54488b450ec6ff3dee177_ShapePercentage" hidden="1"/>
          <p:cNvSpPr/>
          <p:nvPr>
            <p:custDataLst>
              <p:tags r:id="rId8"/>
            </p:custDataLst>
          </p:nvPr>
        </p:nvSpPr>
        <p:spPr>
          <a:xfrm>
            <a:off x="1807905" y="442336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41" name="OTLSHAPE_T_d0270a5647714b7b9ce45e9e3a2ed887_ShapePercentage" hidden="1"/>
          <p:cNvSpPr/>
          <p:nvPr>
            <p:custDataLst>
              <p:tags r:id="rId9"/>
            </p:custDataLst>
          </p:nvPr>
        </p:nvSpPr>
        <p:spPr>
          <a:xfrm>
            <a:off x="9537525" y="483353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49" name="OTLSHAPE_T_77c391fc462e494aa63aeb27d4d7d58b_ShapePercentage" hidden="1"/>
          <p:cNvSpPr/>
          <p:nvPr>
            <p:custDataLst>
              <p:tags r:id="rId10"/>
            </p:custDataLst>
          </p:nvPr>
        </p:nvSpPr>
        <p:spPr>
          <a:xfrm>
            <a:off x="7105734" y="524370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57" name="OTLSHAPE_T_574706828fdd45c1b4cda688f3fa085b_ShapePercentage" hidden="1"/>
          <p:cNvSpPr/>
          <p:nvPr>
            <p:custDataLst>
              <p:tags r:id="rId11"/>
            </p:custDataLst>
          </p:nvPr>
        </p:nvSpPr>
        <p:spPr>
          <a:xfrm>
            <a:off x="6497787" y="588492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26" name="OTLSHAPE_T_a30ad25f8d62454091aef3ee1703f8c3_TextPercentage" hidden="1"/>
          <p:cNvSpPr txBox="1"/>
          <p:nvPr>
            <p:custDataLst>
              <p:tags r:id="rId12"/>
            </p:custDataLst>
          </p:nvPr>
        </p:nvSpPr>
        <p:spPr>
          <a:xfrm>
            <a:off x="0" y="4013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27" name="OTLSHAPE_T_a30ad25f8d62454091aef3ee1703f8c3_JoinedDate" hidden="1"/>
          <p:cNvSpPr txBox="1"/>
          <p:nvPr>
            <p:custDataLst>
              <p:tags r:id="rId13"/>
            </p:custDataLst>
          </p:nvPr>
        </p:nvSpPr>
        <p:spPr>
          <a:xfrm>
            <a:off x="0" y="40132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34" name="OTLSHAPE_T_f76a2f58a2d54488b450ec6ff3dee177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44233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35" name="OTLSHAPE_T_f76a2f58a2d54488b450ec6ff3dee177_JoinedDate" hidden="1"/>
          <p:cNvSpPr txBox="1"/>
          <p:nvPr>
            <p:custDataLst>
              <p:tags r:id="rId15"/>
            </p:custDataLst>
          </p:nvPr>
        </p:nvSpPr>
        <p:spPr>
          <a:xfrm>
            <a:off x="0" y="44233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42" name="OTLSHAPE_T_d0270a5647714b7b9ce45e9e3a2ed887_TextPercentage" hidden="1"/>
          <p:cNvSpPr txBox="1"/>
          <p:nvPr>
            <p:custDataLst>
              <p:tags r:id="rId16"/>
            </p:custDataLst>
          </p:nvPr>
        </p:nvSpPr>
        <p:spPr>
          <a:xfrm>
            <a:off x="0" y="48335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43" name="OTLSHAPE_T_d0270a5647714b7b9ce45e9e3a2ed887_JoinedDate" hidden="1"/>
          <p:cNvSpPr txBox="1"/>
          <p:nvPr>
            <p:custDataLst>
              <p:tags r:id="rId17"/>
            </p:custDataLst>
          </p:nvPr>
        </p:nvSpPr>
        <p:spPr>
          <a:xfrm>
            <a:off x="0" y="48335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50" name="OTLSHAPE_T_77c391fc462e494aa63aeb27d4d7d58b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524370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51" name="OTLSHAPE_T_77c391fc462e494aa63aeb27d4d7d58b_JoinedDate" hidden="1"/>
          <p:cNvSpPr txBox="1"/>
          <p:nvPr>
            <p:custDataLst>
              <p:tags r:id="rId19"/>
            </p:custDataLst>
          </p:nvPr>
        </p:nvSpPr>
        <p:spPr>
          <a:xfrm>
            <a:off x="0" y="524370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58" name="OTLSHAPE_T_574706828fdd45c1b4cda688f3fa085b_TextPercentage" hidden="1"/>
          <p:cNvSpPr txBox="1"/>
          <p:nvPr>
            <p:custDataLst>
              <p:tags r:id="rId20"/>
            </p:custDataLst>
          </p:nvPr>
        </p:nvSpPr>
        <p:spPr>
          <a:xfrm>
            <a:off x="0" y="56538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159" name="OTLSHAPE_T_574706828fdd45c1b4cda688f3fa085b_JoinedDate" hidden="1"/>
          <p:cNvSpPr txBox="1"/>
          <p:nvPr>
            <p:custDataLst>
              <p:tags r:id="rId21"/>
            </p:custDataLst>
          </p:nvPr>
        </p:nvSpPr>
        <p:spPr>
          <a:xfrm>
            <a:off x="0" y="56538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grpSp>
        <p:nvGrpSpPr>
          <p:cNvPr id="127" name="Groupe 126"/>
          <p:cNvGrpSpPr/>
          <p:nvPr/>
        </p:nvGrpSpPr>
        <p:grpSpPr>
          <a:xfrm>
            <a:off x="64044" y="117733"/>
            <a:ext cx="12017710" cy="6623535"/>
            <a:chOff x="88106" y="129764"/>
            <a:chExt cx="11959643" cy="6550021"/>
          </a:xfrm>
        </p:grpSpPr>
        <p:cxnSp>
          <p:nvCxnSpPr>
            <p:cNvPr id="407" name="OTLSHAPE_M_9e7364a3952a438ea3432123aace0749_Connector2"/>
            <p:cNvCxnSpPr/>
            <p:nvPr>
              <p:custDataLst>
                <p:tags r:id="rId22"/>
              </p:custDataLst>
            </p:nvPr>
          </p:nvCxnSpPr>
          <p:spPr>
            <a:xfrm flipH="1">
              <a:off x="10071595" y="3514898"/>
              <a:ext cx="2335" cy="448989"/>
            </a:xfrm>
            <a:prstGeom prst="line">
              <a:avLst/>
            </a:prstGeom>
            <a:ln w="7620" cap="flat" cmpd="sng" algn="ctr">
              <a:solidFill>
                <a:schemeClr val="dk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6" name="OTLSHAPE_T_574706828fdd45c1b4cda688f3fa085b_RightVerticalConnector1"/>
            <p:cNvCxnSpPr/>
            <p:nvPr>
              <p:custDataLst>
                <p:tags r:id="rId23"/>
              </p:custDataLst>
            </p:nvPr>
          </p:nvCxnSpPr>
          <p:spPr>
            <a:xfrm>
              <a:off x="2041064" y="3937034"/>
              <a:ext cx="7689" cy="2353737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0" name="OTLSHAPE_T_574706828fdd45c1b4cda688f3fa085b_RightVerticalConnector1"/>
            <p:cNvCxnSpPr/>
            <p:nvPr>
              <p:custDataLst>
                <p:tags r:id="rId24"/>
              </p:custDataLst>
            </p:nvPr>
          </p:nvCxnSpPr>
          <p:spPr>
            <a:xfrm flipH="1">
              <a:off x="9745124" y="3851611"/>
              <a:ext cx="2859" cy="167135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5" name="OTLSHAPE_T_574706828fdd45c1b4cda688f3fa085b_RightVerticalConnector1"/>
            <p:cNvCxnSpPr/>
            <p:nvPr>
              <p:custDataLst>
                <p:tags r:id="rId25"/>
              </p:custDataLst>
            </p:nvPr>
          </p:nvCxnSpPr>
          <p:spPr>
            <a:xfrm>
              <a:off x="9495775" y="3947869"/>
              <a:ext cx="0" cy="253284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4" name="OTLSHAPE_T_574706828fdd45c1b4cda688f3fa085b_RightVerticalConnector2"/>
            <p:cNvCxnSpPr/>
            <p:nvPr>
              <p:custDataLst>
                <p:tags r:id="rId26"/>
              </p:custDataLst>
            </p:nvPr>
          </p:nvCxnSpPr>
          <p:spPr>
            <a:xfrm>
              <a:off x="8725395" y="5513459"/>
              <a:ext cx="0" cy="78713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6" name="OTLSHAPE_T_574706828fdd45c1b4cda688f3fa085b_LeftVerticalConnector3"/>
            <p:cNvCxnSpPr/>
            <p:nvPr>
              <p:custDataLst>
                <p:tags r:id="rId27"/>
              </p:custDataLst>
            </p:nvPr>
          </p:nvCxnSpPr>
          <p:spPr>
            <a:xfrm>
              <a:off x="7959840" y="4029017"/>
              <a:ext cx="0" cy="220569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0" name="OTLSHAPE_T_574706828fdd45c1b4cda688f3fa085b_Shape"/>
            <p:cNvSpPr/>
            <p:nvPr>
              <p:custDataLst>
                <p:tags r:id="rId28"/>
              </p:custDataLst>
            </p:nvPr>
          </p:nvSpPr>
          <p:spPr>
            <a:xfrm>
              <a:off x="7950465" y="6100832"/>
              <a:ext cx="1557776" cy="379879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FR" sz="1400" b="1" spc="-24" dirty="0">
                  <a:solidFill>
                    <a:schemeClr val="lt2"/>
                  </a:solidFill>
                  <a:latin typeface="Kristen ITC" panose="03050502040202030202" pitchFamily="66" charset="0"/>
                  <a:cs typeface="Arabic Typesetting" panose="03020402040406030203" pitchFamily="66" charset="-78"/>
                </a:rPr>
                <a:t>Pause Déjeuner</a:t>
              </a:r>
            </a:p>
          </p:txBody>
        </p:sp>
        <p:sp>
          <p:nvSpPr>
            <p:cNvPr id="284" name="OTLSHAPE_T_574706828fdd45c1b4cda688f3fa085b_Duration"/>
            <p:cNvSpPr txBox="1"/>
            <p:nvPr>
              <p:custDataLst>
                <p:tags r:id="rId29"/>
              </p:custDataLst>
            </p:nvPr>
          </p:nvSpPr>
          <p:spPr>
            <a:xfrm>
              <a:off x="7959840" y="6518202"/>
              <a:ext cx="891696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fr-FR" sz="1050" spc="-4" dirty="0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1h  30 minutes</a:t>
              </a:r>
              <a:endParaRPr lang="fr-FR" sz="1050" spc="-4" dirty="0">
                <a:solidFill>
                  <a:schemeClr val="accent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34" name="OTLSHAPE_T_574706828fdd45c1b4cda688f3fa085b_LeftVerticalConnector3"/>
            <p:cNvCxnSpPr/>
            <p:nvPr>
              <p:custDataLst>
                <p:tags r:id="rId30"/>
              </p:custDataLst>
            </p:nvPr>
          </p:nvCxnSpPr>
          <p:spPr>
            <a:xfrm>
              <a:off x="7682858" y="3728460"/>
              <a:ext cx="0" cy="1275524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1" name="OTLSHAPE_T_574706828fdd45c1b4cda688f3fa085b_LeftVerticalConnector3"/>
            <p:cNvCxnSpPr/>
            <p:nvPr>
              <p:custDataLst>
                <p:tags r:id="rId31"/>
              </p:custDataLst>
            </p:nvPr>
          </p:nvCxnSpPr>
          <p:spPr>
            <a:xfrm>
              <a:off x="5365730" y="3631428"/>
              <a:ext cx="0" cy="1275524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3" name="OTLSHAPE_T_a30ad25f8d62454091aef3ee1703f8c3_LeftVerticalConnector1"/>
            <p:cNvCxnSpPr/>
            <p:nvPr>
              <p:custDataLst>
                <p:tags r:id="rId32"/>
              </p:custDataLst>
            </p:nvPr>
          </p:nvCxnSpPr>
          <p:spPr>
            <a:xfrm flipV="1">
              <a:off x="2206177" y="3735957"/>
              <a:ext cx="2262" cy="849228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0" name="OTLSHAPE_T_574706828fdd45c1b4cda688f3fa085b_LeftVerticalConnector3"/>
            <p:cNvCxnSpPr/>
            <p:nvPr>
              <p:custDataLst>
                <p:tags r:id="rId33"/>
              </p:custDataLst>
            </p:nvPr>
          </p:nvCxnSpPr>
          <p:spPr>
            <a:xfrm>
              <a:off x="5309031" y="3768448"/>
              <a:ext cx="0" cy="832253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044" name="OTLSHAPE_TB_00000000000000000000000000000000_LeftEndCaps"/>
            <p:cNvSpPr txBox="1"/>
            <p:nvPr>
              <p:custDataLst>
                <p:tags r:id="rId34"/>
              </p:custDataLst>
            </p:nvPr>
          </p:nvSpPr>
          <p:spPr>
            <a:xfrm>
              <a:off x="88106" y="3655403"/>
              <a:ext cx="703014" cy="369332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fr-FR" sz="2400" b="1" spc="-24" dirty="0" smtClean="0">
                  <a:latin typeface="Chiller" panose="04020404031007020602" pitchFamily="82" charset="0"/>
                </a:rPr>
                <a:t>14 Déc.</a:t>
              </a:r>
              <a:endParaRPr lang="fr-FR" sz="2400" b="1" spc="-24" dirty="0">
                <a:latin typeface="Chiller" panose="04020404031007020602" pitchFamily="82" charset="0"/>
              </a:endParaRPr>
            </a:p>
          </p:txBody>
        </p:sp>
        <p:cxnSp>
          <p:nvCxnSpPr>
            <p:cNvPr id="8069" name="OTLSHAPE_M_9e7364a3952a438ea3432123aace0749_Connector2"/>
            <p:cNvCxnSpPr/>
            <p:nvPr>
              <p:custDataLst>
                <p:tags r:id="rId35"/>
              </p:custDataLst>
            </p:nvPr>
          </p:nvCxnSpPr>
          <p:spPr>
            <a:xfrm flipH="1">
              <a:off x="3121172" y="3488045"/>
              <a:ext cx="2335" cy="448989"/>
            </a:xfrm>
            <a:prstGeom prst="line">
              <a:avLst/>
            </a:prstGeom>
            <a:ln w="7620" cap="flat" cmpd="sng" algn="ctr">
              <a:solidFill>
                <a:schemeClr val="dk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67" name="OTLSHAPE_M_4b8613a0343547a18149e6e70703af80_Connector3"/>
            <p:cNvCxnSpPr/>
            <p:nvPr>
              <p:custDataLst>
                <p:tags r:id="rId36"/>
              </p:custDataLst>
            </p:nvPr>
          </p:nvCxnSpPr>
          <p:spPr>
            <a:xfrm>
              <a:off x="2999920" y="3364219"/>
              <a:ext cx="0" cy="269325"/>
            </a:xfrm>
            <a:prstGeom prst="line">
              <a:avLst/>
            </a:prstGeom>
            <a:ln w="7620" cap="flat" cmpd="sng" algn="ctr">
              <a:solidFill>
                <a:schemeClr val="dk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046" name="OTLSHAPE_TB_00000000000000000000000000000000_ScaleContainer"/>
            <p:cNvSpPr/>
            <p:nvPr>
              <p:custDataLst>
                <p:tags r:id="rId37"/>
              </p:custDataLst>
            </p:nvPr>
          </p:nvSpPr>
          <p:spPr>
            <a:xfrm>
              <a:off x="813009" y="3633544"/>
              <a:ext cx="11006131" cy="381000"/>
            </a:xfrm>
            <a:prstGeom prst="rect">
              <a:avLst/>
            </a:prstGeom>
            <a:solidFill>
              <a:srgbClr val="B2B2B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2000" dirty="0"/>
            </a:p>
          </p:txBody>
        </p:sp>
        <p:sp>
          <p:nvSpPr>
            <p:cNvPr id="8051" name="OTLSHAPE_TB_00000000000000000000000000000000_TimescaleInterval1"/>
            <p:cNvSpPr txBox="1"/>
            <p:nvPr>
              <p:custDataLst>
                <p:tags r:id="rId38"/>
              </p:custDataLst>
            </p:nvPr>
          </p:nvSpPr>
          <p:spPr>
            <a:xfrm>
              <a:off x="1589817" y="3756416"/>
              <a:ext cx="427958" cy="20995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fr-FR" sz="1400" b="1" spc="-18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09 : 30 </a:t>
              </a:r>
              <a:endParaRPr lang="fr-FR" sz="1400" b="1" spc="-1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124" name="OTLSHAPE_T_a30ad25f8d62454091aef3ee1703f8c3_Shape"/>
            <p:cNvSpPr/>
            <p:nvPr>
              <p:custDataLst>
                <p:tags r:id="rId39"/>
              </p:custDataLst>
            </p:nvPr>
          </p:nvSpPr>
          <p:spPr>
            <a:xfrm>
              <a:off x="2218446" y="4460058"/>
              <a:ext cx="3090309" cy="282395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2000" dirty="0"/>
            </a:p>
          </p:txBody>
        </p:sp>
        <p:sp>
          <p:nvSpPr>
            <p:cNvPr id="8132" name="OTLSHAPE_T_f76a2f58a2d54488b450ec6ff3dee177_Shape"/>
            <p:cNvSpPr/>
            <p:nvPr>
              <p:custDataLst>
                <p:tags r:id="rId40"/>
              </p:custDataLst>
            </p:nvPr>
          </p:nvSpPr>
          <p:spPr>
            <a:xfrm>
              <a:off x="5354537" y="4872498"/>
              <a:ext cx="2346990" cy="251122"/>
            </a:xfrm>
            <a:prstGeom prst="rect">
              <a:avLst/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2000" dirty="0"/>
            </a:p>
          </p:txBody>
        </p:sp>
        <p:sp>
          <p:nvSpPr>
            <p:cNvPr id="8130" name="OTLSHAPE_T_a30ad25f8d62454091aef3ee1703f8c3_Duration"/>
            <p:cNvSpPr txBox="1"/>
            <p:nvPr>
              <p:custDataLst>
                <p:tags r:id="rId41"/>
              </p:custDataLst>
            </p:nvPr>
          </p:nvSpPr>
          <p:spPr>
            <a:xfrm>
              <a:off x="2268544" y="4749217"/>
              <a:ext cx="770294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fr-FR" sz="1050" spc="-4" dirty="0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1h 30 minutes</a:t>
              </a:r>
              <a:endParaRPr lang="fr-FR" sz="1050" spc="-4" dirty="0">
                <a:solidFill>
                  <a:schemeClr val="accen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131" name="OTLSHAPE_T_a30ad25f8d62454091aef3ee1703f8c3_Title"/>
            <p:cNvSpPr txBox="1"/>
            <p:nvPr>
              <p:custDataLst>
                <p:tags r:id="rId42"/>
              </p:custDataLst>
            </p:nvPr>
          </p:nvSpPr>
          <p:spPr>
            <a:xfrm>
              <a:off x="2157041" y="4516866"/>
              <a:ext cx="3186800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fr-FR" sz="1200" b="1" spc="-24" dirty="0">
                  <a:solidFill>
                    <a:schemeClr val="lt2"/>
                  </a:solidFill>
                  <a:latin typeface="Kristen ITC" panose="03050502040202030202" pitchFamily="66" charset="0"/>
                  <a:cs typeface="Arabic Typesetting" panose="03020402040406030203" pitchFamily="66" charset="-78"/>
                </a:rPr>
                <a:t>Présentation du Centre d’Informations </a:t>
              </a:r>
            </a:p>
          </p:txBody>
        </p:sp>
        <p:sp>
          <p:nvSpPr>
            <p:cNvPr id="8138" name="OTLSHAPE_T_f76a2f58a2d54488b450ec6ff3dee177_Duration"/>
            <p:cNvSpPr txBox="1"/>
            <p:nvPr>
              <p:custDataLst>
                <p:tags r:id="rId43"/>
              </p:custDataLst>
            </p:nvPr>
          </p:nvSpPr>
          <p:spPr>
            <a:xfrm>
              <a:off x="5348526" y="5125209"/>
              <a:ext cx="607563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fr-FR" sz="1050" spc="-4" dirty="0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30 minutes</a:t>
              </a:r>
              <a:endParaRPr lang="fr-FR" sz="1050" spc="-4" dirty="0">
                <a:solidFill>
                  <a:schemeClr val="accen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139" name="OTLSHAPE_T_f76a2f58a2d54488b450ec6ff3dee177_Title"/>
            <p:cNvSpPr txBox="1"/>
            <p:nvPr>
              <p:custDataLst>
                <p:tags r:id="rId44"/>
              </p:custDataLst>
            </p:nvPr>
          </p:nvSpPr>
          <p:spPr>
            <a:xfrm>
              <a:off x="5373986" y="4899590"/>
              <a:ext cx="2265094" cy="18466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>
              <a:defPPr>
                <a:defRPr lang="en-US"/>
              </a:defPPr>
              <a:lvl1pPr algn="ctr">
                <a:defRPr sz="1400" b="1" spc="-24">
                  <a:solidFill>
                    <a:schemeClr val="lt2"/>
                  </a:solidFill>
                  <a:latin typeface="Calibri" panose="020F0502020204030204" pitchFamily="34" charset="0"/>
                </a:defRPr>
              </a:lvl1pPr>
            </a:lstStyle>
            <a:p>
              <a:r>
                <a:rPr lang="fr-FR" sz="1200" dirty="0">
                  <a:latin typeface="Kristen ITC" panose="03050502040202030202" pitchFamily="66" charset="0"/>
                  <a:cs typeface="Arabic Typesetting" panose="03020402040406030203" pitchFamily="66" charset="-78"/>
                </a:rPr>
                <a:t>Partenariat SanarSoft – IRD </a:t>
              </a:r>
            </a:p>
          </p:txBody>
        </p:sp>
        <p:sp>
          <p:nvSpPr>
            <p:cNvPr id="8096" name="OTLSHAPE_M_fa473bde828d4067928546c55f1833fa_Shape"/>
            <p:cNvSpPr/>
            <p:nvPr>
              <p:custDataLst>
                <p:tags r:id="rId45"/>
              </p:custDataLst>
            </p:nvPr>
          </p:nvSpPr>
          <p:spPr>
            <a:xfrm>
              <a:off x="813010" y="3590574"/>
              <a:ext cx="643291" cy="106470"/>
            </a:xfrm>
            <a:prstGeom prst="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2000" dirty="0"/>
            </a:p>
          </p:txBody>
        </p:sp>
        <p:sp>
          <p:nvSpPr>
            <p:cNvPr id="126" name="OTLSHAPE_TB_00000000000000000000000000000000_TimescaleInterval1"/>
            <p:cNvSpPr txBox="1"/>
            <p:nvPr>
              <p:custDataLst>
                <p:tags r:id="rId46"/>
              </p:custDataLst>
            </p:nvPr>
          </p:nvSpPr>
          <p:spPr>
            <a:xfrm>
              <a:off x="4811330" y="3741062"/>
              <a:ext cx="427958" cy="209953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fr-FR" sz="1400" b="1" spc="-18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11 : 30</a:t>
              </a:r>
              <a:endParaRPr lang="fr-FR" sz="1400" b="1" spc="-1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grpSp>
          <p:nvGrpSpPr>
            <p:cNvPr id="107" name="Groupe 106"/>
            <p:cNvGrpSpPr/>
            <p:nvPr/>
          </p:nvGrpSpPr>
          <p:grpSpPr>
            <a:xfrm>
              <a:off x="631643" y="988222"/>
              <a:ext cx="917771" cy="2645323"/>
              <a:chOff x="629641" y="1054511"/>
              <a:chExt cx="895961" cy="2374489"/>
            </a:xfrm>
          </p:grpSpPr>
          <p:cxnSp>
            <p:nvCxnSpPr>
              <p:cNvPr id="8061" name="OTLSHAPE_M_fa473bde828d4067928546c55f1833fa_Connector4"/>
              <p:cNvCxnSpPr/>
              <p:nvPr>
                <p:custDataLst>
                  <p:tags r:id="rId127"/>
                </p:custDataLst>
              </p:nvPr>
            </p:nvCxnSpPr>
            <p:spPr>
              <a:xfrm>
                <a:off x="933334" y="2678896"/>
                <a:ext cx="0" cy="750104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060" name="OTLSHAPE_M_fa473bde828d4067928546c55f1833fa_Connector3"/>
              <p:cNvCxnSpPr/>
              <p:nvPr>
                <p:custDataLst>
                  <p:tags r:id="rId128"/>
                </p:custDataLst>
              </p:nvPr>
            </p:nvCxnSpPr>
            <p:spPr>
              <a:xfrm>
                <a:off x="933334" y="1897761"/>
                <a:ext cx="0" cy="59508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058" name="OTLSHAPE_M_fa473bde828d4067928546c55f1833fa_Connector1"/>
              <p:cNvCxnSpPr/>
              <p:nvPr>
                <p:custDataLst>
                  <p:tags r:id="rId129"/>
                </p:custDataLst>
              </p:nvPr>
            </p:nvCxnSpPr>
            <p:spPr>
              <a:xfrm>
                <a:off x="933333" y="1442381"/>
                <a:ext cx="0" cy="8890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8094" name="OTLSHAPE_M_fa473bde828d4067928546c55f1833fa_Title"/>
              <p:cNvSpPr txBox="1"/>
              <p:nvPr>
                <p:custDataLst>
                  <p:tags r:id="rId130"/>
                </p:custDataLst>
              </p:nvPr>
            </p:nvSpPr>
            <p:spPr>
              <a:xfrm>
                <a:off x="629641" y="1054511"/>
                <a:ext cx="587587" cy="19338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Début 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8095" name="OTLSHAPE_M_fa473bde828d4067928546c55f1833fa_Date"/>
              <p:cNvSpPr txBox="1"/>
              <p:nvPr>
                <p:custDataLst>
                  <p:tags r:id="rId131"/>
                </p:custDataLst>
              </p:nvPr>
            </p:nvSpPr>
            <p:spPr>
              <a:xfrm>
                <a:off x="714532" y="1266948"/>
                <a:ext cx="417807" cy="14504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050" spc="-8" dirty="0" smtClean="0">
                    <a:solidFill>
                      <a:schemeClr val="dk2"/>
                    </a:solidFill>
                    <a:latin typeface="Calibri" panose="020F0502020204030204" pitchFamily="34" charset="0"/>
                  </a:rPr>
                  <a:t>09 : 30</a:t>
                </a:r>
                <a:endParaRPr lang="fr-FR" sz="1050" spc="-8" dirty="0">
                  <a:solidFill>
                    <a:schemeClr val="dk2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124" name="OTLSHAPE_M_0478f9d27f854ee891a7386a782d4821_Title"/>
              <p:cNvSpPr txBox="1"/>
              <p:nvPr>
                <p:custDataLst>
                  <p:tags r:id="rId132"/>
                </p:custDataLst>
              </p:nvPr>
            </p:nvSpPr>
            <p:spPr>
              <a:xfrm>
                <a:off x="714532" y="1620766"/>
                <a:ext cx="811070" cy="19338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SanarSoft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125" name="OTLSHAPE_M_0478f9d27f854ee891a7386a782d4821_Title"/>
              <p:cNvSpPr txBox="1"/>
              <p:nvPr>
                <p:custDataLst>
                  <p:tags r:id="rId133"/>
                </p:custDataLst>
              </p:nvPr>
            </p:nvSpPr>
            <p:spPr>
              <a:xfrm>
                <a:off x="789809" y="2487161"/>
                <a:ext cx="370008" cy="19338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IRD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</p:grpSp>
        <p:grpSp>
          <p:nvGrpSpPr>
            <p:cNvPr id="106" name="Groupe 105"/>
            <p:cNvGrpSpPr/>
            <p:nvPr/>
          </p:nvGrpSpPr>
          <p:grpSpPr>
            <a:xfrm>
              <a:off x="1835607" y="409525"/>
              <a:ext cx="3360312" cy="3224019"/>
              <a:chOff x="2136408" y="952393"/>
              <a:chExt cx="2330096" cy="2476607"/>
            </a:xfrm>
          </p:grpSpPr>
          <p:cxnSp>
            <p:nvCxnSpPr>
              <p:cNvPr id="8068" name="OTLSHAPE_M_9e7364a3952a438ea3432123aace0749_Connector1"/>
              <p:cNvCxnSpPr/>
              <p:nvPr>
                <p:custDataLst>
                  <p:tags r:id="rId108"/>
                </p:custDataLst>
              </p:nvPr>
            </p:nvCxnSpPr>
            <p:spPr>
              <a:xfrm>
                <a:off x="3086782" y="2884720"/>
                <a:ext cx="0" cy="8890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066" name="OTLSHAPE_M_4b8613a0343547a18149e6e70703af80_Connector2"/>
              <p:cNvCxnSpPr/>
              <p:nvPr>
                <p:custDataLst>
                  <p:tags r:id="rId109"/>
                </p:custDataLst>
              </p:nvPr>
            </p:nvCxnSpPr>
            <p:spPr>
              <a:xfrm>
                <a:off x="2999920" y="2859320"/>
                <a:ext cx="0" cy="11430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065" name="OTLSHAPE_M_4b8613a0343547a18149e6e70703af80_Connector1"/>
              <p:cNvCxnSpPr/>
              <p:nvPr>
                <p:custDataLst>
                  <p:tags r:id="rId110"/>
                </p:custDataLst>
              </p:nvPr>
            </p:nvCxnSpPr>
            <p:spPr>
              <a:xfrm>
                <a:off x="2999920" y="2403941"/>
                <a:ext cx="0" cy="8890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064" name="OTLSHAPE_M_0478f9d27f854ee891a7386a782d4821_Connector3"/>
              <p:cNvCxnSpPr/>
              <p:nvPr>
                <p:custDataLst>
                  <p:tags r:id="rId111"/>
                </p:custDataLst>
              </p:nvPr>
            </p:nvCxnSpPr>
            <p:spPr>
              <a:xfrm>
                <a:off x="2652473" y="2678896"/>
                <a:ext cx="0" cy="750104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063" name="OTLSHAPE_M_0478f9d27f854ee891a7386a782d4821_Connector2"/>
              <p:cNvCxnSpPr/>
              <p:nvPr>
                <p:custDataLst>
                  <p:tags r:id="rId112"/>
                </p:custDataLst>
              </p:nvPr>
            </p:nvCxnSpPr>
            <p:spPr>
              <a:xfrm>
                <a:off x="2652473" y="2198116"/>
                <a:ext cx="0" cy="294725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062" name="OTLSHAPE_M_0478f9d27f854ee891a7386a782d4821_Connector1"/>
              <p:cNvCxnSpPr/>
              <p:nvPr>
                <p:custDataLst>
                  <p:tags r:id="rId113"/>
                </p:custDataLst>
              </p:nvPr>
            </p:nvCxnSpPr>
            <p:spPr>
              <a:xfrm>
                <a:off x="2709623" y="1913636"/>
                <a:ext cx="0" cy="8890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059" name="OTLSHAPE_M_fa473bde828d4067928546c55f1833fa_Connector2"/>
              <p:cNvCxnSpPr/>
              <p:nvPr>
                <p:custDataLst>
                  <p:tags r:id="rId114"/>
                </p:custDataLst>
              </p:nvPr>
            </p:nvCxnSpPr>
            <p:spPr>
              <a:xfrm>
                <a:off x="2565612" y="1897761"/>
                <a:ext cx="0" cy="11430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8097" name="OTLSHAPE_M_0478f9d27f854ee891a7386a782d4821_Title"/>
              <p:cNvSpPr txBox="1"/>
              <p:nvPr>
                <p:custDataLst>
                  <p:tags r:id="rId115"/>
                </p:custDataLst>
              </p:nvPr>
            </p:nvSpPr>
            <p:spPr>
              <a:xfrm>
                <a:off x="2136408" y="1541212"/>
                <a:ext cx="2263835" cy="16549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Présentation des applications du CI 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8098" name="OTLSHAPE_M_0478f9d27f854ee891a7386a782d4821_Date"/>
              <p:cNvSpPr txBox="1"/>
              <p:nvPr>
                <p:custDataLst>
                  <p:tags r:id="rId116"/>
                </p:custDataLst>
              </p:nvPr>
            </p:nvSpPr>
            <p:spPr>
              <a:xfrm>
                <a:off x="2500349" y="1758186"/>
                <a:ext cx="347446" cy="12412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050" spc="-8" dirty="0" smtClean="0">
                    <a:solidFill>
                      <a:schemeClr val="dk2"/>
                    </a:solidFill>
                    <a:latin typeface="Calibri" panose="020F0502020204030204" pitchFamily="34" charset="0"/>
                  </a:rPr>
                  <a:t>10 : 00</a:t>
                </a:r>
                <a:endParaRPr lang="fr-FR" sz="1050" spc="-8" dirty="0">
                  <a:solidFill>
                    <a:schemeClr val="dk2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8100" name="OTLSHAPE_M_4b8613a0343547a18149e6e70703af80_Title"/>
              <p:cNvSpPr txBox="1"/>
              <p:nvPr>
                <p:custDataLst>
                  <p:tags r:id="rId117"/>
                </p:custDataLst>
              </p:nvPr>
            </p:nvSpPr>
            <p:spPr>
              <a:xfrm>
                <a:off x="2588419" y="2006749"/>
                <a:ext cx="857850" cy="16549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Jean Le Fur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8101" name="OTLSHAPE_M_4b8613a0343547a18149e6e70703af80_Date"/>
              <p:cNvSpPr txBox="1"/>
              <p:nvPr>
                <p:custDataLst>
                  <p:tags r:id="rId118"/>
                </p:custDataLst>
              </p:nvPr>
            </p:nvSpPr>
            <p:spPr>
              <a:xfrm>
                <a:off x="2800170" y="2238966"/>
                <a:ext cx="378962" cy="12412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050" spc="-8" dirty="0" smtClean="0">
                    <a:solidFill>
                      <a:schemeClr val="dk2"/>
                    </a:solidFill>
                    <a:latin typeface="Calibri" panose="020F0502020204030204" pitchFamily="34" charset="0"/>
                  </a:rPr>
                  <a:t>10 : 45</a:t>
                </a:r>
                <a:endParaRPr lang="fr-FR" sz="1050" spc="-8" dirty="0">
                  <a:solidFill>
                    <a:schemeClr val="dk2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8103" name="OTLSHAPE_M_9e7364a3952a438ea3432123aace0749_Title"/>
              <p:cNvSpPr txBox="1"/>
              <p:nvPr>
                <p:custDataLst>
                  <p:tags r:id="rId119"/>
                </p:custDataLst>
              </p:nvPr>
            </p:nvSpPr>
            <p:spPr>
              <a:xfrm>
                <a:off x="2153775" y="2503119"/>
                <a:ext cx="1855637" cy="16549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Présentation du CI-SanarSoft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8104" name="OTLSHAPE_M_9e7364a3952a438ea3432123aace0749_Date"/>
              <p:cNvSpPr txBox="1"/>
              <p:nvPr>
                <p:custDataLst>
                  <p:tags r:id="rId120"/>
                </p:custDataLst>
              </p:nvPr>
            </p:nvSpPr>
            <p:spPr>
              <a:xfrm>
                <a:off x="2934656" y="2719746"/>
                <a:ext cx="370065" cy="12412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050" spc="-8" dirty="0" smtClean="0">
                    <a:solidFill>
                      <a:schemeClr val="dk2"/>
                    </a:solidFill>
                    <a:latin typeface="Calibri" panose="020F0502020204030204" pitchFamily="34" charset="0"/>
                  </a:rPr>
                  <a:t>11 : 00</a:t>
                </a:r>
                <a:endParaRPr lang="fr-FR" sz="1050" spc="-8" dirty="0">
                  <a:solidFill>
                    <a:schemeClr val="dk2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8106" name="OTLSHAPE_M_7a81383bb96f44c1a9947cd455f3ada8_Title"/>
              <p:cNvSpPr txBox="1"/>
              <p:nvPr>
                <p:custDataLst>
                  <p:tags r:id="rId121"/>
                </p:custDataLst>
              </p:nvPr>
            </p:nvSpPr>
            <p:spPr>
              <a:xfrm>
                <a:off x="2554987" y="2964849"/>
                <a:ext cx="1584340" cy="16549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Papa Souleymane Ndiaye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8107" name="OTLSHAPE_M_7a81383bb96f44c1a9947cd455f3ada8_Date"/>
              <p:cNvSpPr txBox="1"/>
              <p:nvPr>
                <p:custDataLst>
                  <p:tags r:id="rId122"/>
                </p:custDataLst>
              </p:nvPr>
            </p:nvSpPr>
            <p:spPr>
              <a:xfrm>
                <a:off x="2999226" y="3168600"/>
                <a:ext cx="380368" cy="12412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050" spc="-8" dirty="0" smtClean="0">
                    <a:solidFill>
                      <a:schemeClr val="dk2"/>
                    </a:solidFill>
                    <a:latin typeface="Calibri" panose="020F0502020204030204" pitchFamily="34" charset="0"/>
                  </a:rPr>
                  <a:t>11: 30</a:t>
                </a:r>
                <a:endParaRPr lang="fr-FR" sz="1050" spc="-8" dirty="0">
                  <a:solidFill>
                    <a:schemeClr val="dk2"/>
                  </a:solidFill>
                  <a:latin typeface="Calibri" panose="020F0502020204030204" pitchFamily="34" charset="0"/>
                </a:endParaRPr>
              </a:p>
            </p:txBody>
          </p:sp>
          <p:cxnSp>
            <p:nvCxnSpPr>
              <p:cNvPr id="161" name="OTLSHAPE_M_94d10516900845d29c6f5d206a71d14c_Connector1"/>
              <p:cNvCxnSpPr/>
              <p:nvPr>
                <p:custDataLst>
                  <p:tags r:id="rId123"/>
                </p:custDataLst>
              </p:nvPr>
            </p:nvCxnSpPr>
            <p:spPr>
              <a:xfrm>
                <a:off x="3296404" y="1027636"/>
                <a:ext cx="0" cy="470944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62" name="OTLSHAPE_M_94d10516900845d29c6f5d206a71d14c_Shape"/>
              <p:cNvSpPr/>
              <p:nvPr>
                <p:custDataLst>
                  <p:tags r:id="rId124"/>
                </p:custDataLst>
              </p:nvPr>
            </p:nvSpPr>
            <p:spPr>
              <a:xfrm rot="16200000">
                <a:off x="3321804" y="1027636"/>
                <a:ext cx="228600" cy="228600"/>
              </a:xfrm>
              <a:prstGeom prst="flowChartMerge">
                <a:avLst/>
              </a:prstGeom>
              <a:solidFill>
                <a:schemeClr val="dk2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 sz="2000" dirty="0"/>
              </a:p>
            </p:txBody>
          </p:sp>
          <p:sp>
            <p:nvSpPr>
              <p:cNvPr id="163" name="OTLSHAPE_M_94d10516900845d29c6f5d206a71d14c_Title"/>
              <p:cNvSpPr txBox="1"/>
              <p:nvPr>
                <p:custDataLst>
                  <p:tags r:id="rId125"/>
                </p:custDataLst>
              </p:nvPr>
            </p:nvSpPr>
            <p:spPr>
              <a:xfrm>
                <a:off x="3583423" y="952393"/>
                <a:ext cx="883081" cy="16549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Connaitre le CI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164" name="OTLSHAPE_M_94d10516900845d29c6f5d206a71d14c_Date"/>
              <p:cNvSpPr txBox="1"/>
              <p:nvPr>
                <p:custDataLst>
                  <p:tags r:id="rId126"/>
                </p:custDataLst>
              </p:nvPr>
            </p:nvSpPr>
            <p:spPr>
              <a:xfrm>
                <a:off x="3583424" y="1160202"/>
                <a:ext cx="425988" cy="12412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fr-FR" sz="1050" b="1" spc="-8" dirty="0" smtClean="0">
                    <a:solidFill>
                      <a:srgbClr val="00B050"/>
                    </a:solidFill>
                    <a:latin typeface="Calibri" panose="020F0502020204030204" pitchFamily="34" charset="0"/>
                  </a:rPr>
                  <a:t>11 : 30</a:t>
                </a:r>
                <a:endParaRPr lang="fr-FR" sz="1050" b="1" spc="-8" dirty="0">
                  <a:solidFill>
                    <a:srgbClr val="00B050"/>
                  </a:solidFill>
                  <a:latin typeface="Calibri" panose="020F0502020204030204" pitchFamily="34" charset="0"/>
                </a:endParaRPr>
              </a:p>
            </p:txBody>
          </p:sp>
        </p:grpSp>
        <p:cxnSp>
          <p:nvCxnSpPr>
            <p:cNvPr id="256" name="OTLSHAPE_M_94d10516900845d29c6f5d206a71d14c_Connector5"/>
            <p:cNvCxnSpPr/>
            <p:nvPr>
              <p:custDataLst>
                <p:tags r:id="rId47"/>
              </p:custDataLst>
            </p:nvPr>
          </p:nvCxnSpPr>
          <p:spPr>
            <a:xfrm>
              <a:off x="5726882" y="3544644"/>
              <a:ext cx="0" cy="88900"/>
            </a:xfrm>
            <a:prstGeom prst="line">
              <a:avLst/>
            </a:prstGeom>
            <a:ln w="7620" cap="flat" cmpd="sng" algn="ctr">
              <a:solidFill>
                <a:schemeClr val="dk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1" name="OTLSHAPE_M_f9acf0cacfa3405a8b801fe3becb0424_Connector2"/>
            <p:cNvCxnSpPr/>
            <p:nvPr>
              <p:custDataLst>
                <p:tags r:id="rId48"/>
              </p:custDataLst>
            </p:nvPr>
          </p:nvCxnSpPr>
          <p:spPr>
            <a:xfrm>
              <a:off x="5629257" y="3364219"/>
              <a:ext cx="0" cy="269325"/>
            </a:xfrm>
            <a:prstGeom prst="line">
              <a:avLst/>
            </a:prstGeom>
            <a:ln w="7620" cap="flat" cmpd="sng" algn="ctr">
              <a:solidFill>
                <a:schemeClr val="dk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7" name="OTLSHAPE_TB_00000000000000000000000000000000_MinorTickMarkBelow2"/>
            <p:cNvCxnSpPr/>
            <p:nvPr>
              <p:custDataLst>
                <p:tags r:id="rId49"/>
              </p:custDataLst>
            </p:nvPr>
          </p:nvCxnSpPr>
          <p:spPr>
            <a:xfrm>
              <a:off x="7306287" y="3949873"/>
              <a:ext cx="0" cy="47625"/>
            </a:xfrm>
            <a:prstGeom prst="line">
              <a:avLst/>
            </a:prstGeom>
            <a:ln w="9525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15" name="Groupe 114"/>
            <p:cNvGrpSpPr/>
            <p:nvPr/>
          </p:nvGrpSpPr>
          <p:grpSpPr>
            <a:xfrm>
              <a:off x="9742958" y="3652855"/>
              <a:ext cx="2076184" cy="2169470"/>
              <a:chOff x="9742945" y="3448306"/>
              <a:chExt cx="2057011" cy="1220445"/>
            </a:xfrm>
          </p:grpSpPr>
          <p:cxnSp>
            <p:nvCxnSpPr>
              <p:cNvPr id="8088" name="OTLSHAPE_T_77c391fc462e494aa63aeb27d4d7d58b_RightVerticalConnector1"/>
              <p:cNvCxnSpPr/>
              <p:nvPr>
                <p:custDataLst>
                  <p:tags r:id="rId105"/>
                </p:custDataLst>
              </p:nvPr>
            </p:nvCxnSpPr>
            <p:spPr>
              <a:xfrm>
                <a:off x="11788035" y="3448306"/>
                <a:ext cx="0" cy="1023535"/>
              </a:xfrm>
              <a:prstGeom prst="line">
                <a:avLst/>
              </a:prstGeom>
              <a:ln w="7620" cap="flat" cmpd="sng" algn="ctr">
                <a:solidFill>
                  <a:srgbClr val="CCCCCC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8140" name="OTLSHAPE_T_d0270a5647714b7b9ce45e9e3a2ed887_Shape"/>
              <p:cNvSpPr/>
              <p:nvPr>
                <p:custDataLst>
                  <p:tags r:id="rId106"/>
                </p:custDataLst>
              </p:nvPr>
            </p:nvSpPr>
            <p:spPr>
              <a:xfrm>
                <a:off x="9742945" y="4326635"/>
                <a:ext cx="2057011" cy="219157"/>
              </a:xfrm>
              <a:prstGeom prst="rect">
                <a:avLst/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fr-FR" sz="1400" b="1" spc="-24" dirty="0">
                    <a:solidFill>
                      <a:schemeClr val="lt2"/>
                    </a:solidFill>
                    <a:latin typeface="Kristen ITC" panose="03050502040202030202" pitchFamily="66" charset="0"/>
                    <a:cs typeface="Arabic Typesetting" panose="03020402040406030203" pitchFamily="66" charset="-78"/>
                  </a:rPr>
                  <a:t>Discussion</a:t>
                </a:r>
              </a:p>
            </p:txBody>
          </p:sp>
          <p:sp>
            <p:nvSpPr>
              <p:cNvPr id="279" name="OTLSHAPE_T_77c391fc462e494aa63aeb27d4d7d58b_Duration"/>
              <p:cNvSpPr txBox="1"/>
              <p:nvPr>
                <p:custDataLst>
                  <p:tags r:id="rId107"/>
                </p:custDataLst>
              </p:nvPr>
            </p:nvSpPr>
            <p:spPr>
              <a:xfrm>
                <a:off x="9757012" y="4577852"/>
                <a:ext cx="773943" cy="9089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050" spc="-4" dirty="0" smtClean="0">
                    <a:solidFill>
                      <a:schemeClr val="accent2"/>
                    </a:solidFill>
                    <a:latin typeface="Calibri" panose="020F0502020204030204" pitchFamily="34" charset="0"/>
                  </a:rPr>
                  <a:t>1h 30 minutes</a:t>
                </a:r>
                <a:endParaRPr lang="fr-FR" sz="1050" spc="-4" dirty="0">
                  <a:solidFill>
                    <a:schemeClr val="accent2"/>
                  </a:solidFill>
                  <a:latin typeface="Calibri" panose="020F0502020204030204" pitchFamily="34" charset="0"/>
                </a:endParaRPr>
              </a:p>
            </p:txBody>
          </p:sp>
        </p:grpSp>
        <p:sp>
          <p:nvSpPr>
            <p:cNvPr id="302" name="OTLSHAPE_TB_00000000000000000000000000000000_TimescaleInterval2"/>
            <p:cNvSpPr txBox="1"/>
            <p:nvPr>
              <p:custDataLst>
                <p:tags r:id="rId50"/>
              </p:custDataLst>
            </p:nvPr>
          </p:nvSpPr>
          <p:spPr>
            <a:xfrm>
              <a:off x="7209936" y="3763698"/>
              <a:ext cx="426404" cy="18696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fr-FR" sz="1400" b="1" spc="-18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12 : 00</a:t>
              </a:r>
              <a:endParaRPr lang="fr-FR" sz="1400" b="1" spc="-1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grpSp>
          <p:nvGrpSpPr>
            <p:cNvPr id="105" name="Groupe 104"/>
            <p:cNvGrpSpPr/>
            <p:nvPr/>
          </p:nvGrpSpPr>
          <p:grpSpPr>
            <a:xfrm>
              <a:off x="4931066" y="233025"/>
              <a:ext cx="3240981" cy="3400522"/>
              <a:chOff x="4756915" y="1937605"/>
              <a:chExt cx="3035187" cy="1491395"/>
            </a:xfrm>
          </p:grpSpPr>
          <p:cxnSp>
            <p:nvCxnSpPr>
              <p:cNvPr id="257" name="OTLSHAPE_M_94d10516900845d29c6f5d206a71d14c_Connector4"/>
              <p:cNvCxnSpPr/>
              <p:nvPr>
                <p:custDataLst>
                  <p:tags r:id="rId93"/>
                </p:custDataLst>
              </p:nvPr>
            </p:nvCxnSpPr>
            <p:spPr>
              <a:xfrm>
                <a:off x="5926909" y="3159675"/>
                <a:ext cx="0" cy="2540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0" name="OTLSHAPE_M_94d10516900845d29c6f5d206a71d14c_Connector1"/>
              <p:cNvCxnSpPr/>
              <p:nvPr>
                <p:custDataLst>
                  <p:tags r:id="rId94"/>
                </p:custDataLst>
              </p:nvPr>
            </p:nvCxnSpPr>
            <p:spPr>
              <a:xfrm>
                <a:off x="5779862" y="2028889"/>
                <a:ext cx="0" cy="470944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2" name="OTLSHAPE_M_f9acf0cacfa3405a8b801fe3becb0424_Connector1"/>
              <p:cNvCxnSpPr/>
              <p:nvPr>
                <p:custDataLst>
                  <p:tags r:id="rId95"/>
                </p:custDataLst>
              </p:nvPr>
            </p:nvCxnSpPr>
            <p:spPr>
              <a:xfrm>
                <a:off x="5400659" y="2884720"/>
                <a:ext cx="0" cy="8890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3" name="OTLSHAPE_M_2360935ba2574a83978ac08ecc352cd9_Connector2"/>
              <p:cNvCxnSpPr/>
              <p:nvPr>
                <p:custDataLst>
                  <p:tags r:id="rId96"/>
                </p:custDataLst>
              </p:nvPr>
            </p:nvCxnSpPr>
            <p:spPr>
              <a:xfrm>
                <a:off x="5140073" y="2678896"/>
                <a:ext cx="0" cy="750104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89" name="OTLSHAPE_M_94d10516900845d29c6f5d206a71d14c_Shape"/>
              <p:cNvSpPr/>
              <p:nvPr>
                <p:custDataLst>
                  <p:tags r:id="rId97"/>
                </p:custDataLst>
              </p:nvPr>
            </p:nvSpPr>
            <p:spPr>
              <a:xfrm rot="16200000">
                <a:off x="5805260" y="2028889"/>
                <a:ext cx="228600" cy="228600"/>
              </a:xfrm>
              <a:prstGeom prst="flowChartMerge">
                <a:avLst/>
              </a:prstGeom>
              <a:solidFill>
                <a:schemeClr val="dk2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 sz="2000" dirty="0"/>
              </a:p>
            </p:txBody>
          </p:sp>
          <p:sp>
            <p:nvSpPr>
              <p:cNvPr id="294" name="OTLSHAPE_M_f9acf0cacfa3405a8b801fe3becb0424_Title"/>
              <p:cNvSpPr txBox="1"/>
              <p:nvPr>
                <p:custDataLst>
                  <p:tags r:id="rId98"/>
                </p:custDataLst>
              </p:nvPr>
            </p:nvSpPr>
            <p:spPr>
              <a:xfrm>
                <a:off x="4756915" y="2538626"/>
                <a:ext cx="2067221" cy="9448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Présentation de la convention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295" name="OTLSHAPE_M_f9acf0cacfa3405a8b801fe3becb0424_Date"/>
              <p:cNvSpPr txBox="1"/>
              <p:nvPr>
                <p:custDataLst>
                  <p:tags r:id="rId99"/>
                </p:custDataLst>
              </p:nvPr>
            </p:nvSpPr>
            <p:spPr>
              <a:xfrm>
                <a:off x="5248534" y="2748503"/>
                <a:ext cx="377324" cy="7086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050" spc="-8" dirty="0" smtClean="0">
                    <a:solidFill>
                      <a:schemeClr val="dk2"/>
                    </a:solidFill>
                    <a:latin typeface="Calibri" panose="020F0502020204030204" pitchFamily="34" charset="0"/>
                  </a:rPr>
                  <a:t>11 : 30</a:t>
                </a:r>
                <a:endParaRPr lang="fr-FR" sz="1050" spc="-8" dirty="0">
                  <a:solidFill>
                    <a:schemeClr val="dk2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296" name="OTLSHAPE_M_94d10516900845d29c6f5d206a71d14c_Title"/>
              <p:cNvSpPr txBox="1"/>
              <p:nvPr>
                <p:custDataLst>
                  <p:tags r:id="rId100"/>
                </p:custDataLst>
              </p:nvPr>
            </p:nvSpPr>
            <p:spPr>
              <a:xfrm>
                <a:off x="6057358" y="1937605"/>
                <a:ext cx="1734744" cy="18897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fr-FR" sz="1400" b="1" dirty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C</a:t>
                </a:r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onnaitre les engagements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297" name="OTLSHAPE_M_94d10516900845d29c6f5d206a71d14c_Date"/>
              <p:cNvSpPr txBox="1"/>
              <p:nvPr>
                <p:custDataLst>
                  <p:tags r:id="rId101"/>
                </p:custDataLst>
              </p:nvPr>
            </p:nvSpPr>
            <p:spPr>
              <a:xfrm>
                <a:off x="6066880" y="2188082"/>
                <a:ext cx="410711" cy="7086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fr-FR" sz="1050" b="1" spc="-8" dirty="0" smtClean="0">
                    <a:solidFill>
                      <a:srgbClr val="00B050"/>
                    </a:solidFill>
                    <a:latin typeface="Calibri" panose="020F0502020204030204" pitchFamily="34" charset="0"/>
                  </a:rPr>
                  <a:t>12 : 00</a:t>
                </a:r>
                <a:endParaRPr lang="fr-FR" sz="1050" b="1" spc="-8" dirty="0">
                  <a:solidFill>
                    <a:srgbClr val="00B050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298" name="OTLSHAPE_M_46275a4af3594d46a3264af48aefc845_Title"/>
              <p:cNvSpPr txBox="1"/>
              <p:nvPr>
                <p:custDataLst>
                  <p:tags r:id="rId102"/>
                </p:custDataLst>
              </p:nvPr>
            </p:nvSpPr>
            <p:spPr>
              <a:xfrm>
                <a:off x="5185836" y="3019403"/>
                <a:ext cx="1881146" cy="9448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Papa Souleymane Ndiaye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299" name="OTLSHAPE_M_46275a4af3594d46a3264af48aefc845_Date"/>
              <p:cNvSpPr txBox="1"/>
              <p:nvPr>
                <p:custDataLst>
                  <p:tags r:id="rId103"/>
                </p:custDataLst>
              </p:nvPr>
            </p:nvSpPr>
            <p:spPr>
              <a:xfrm>
                <a:off x="5381712" y="3227723"/>
                <a:ext cx="424886" cy="7086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050" spc="-8" dirty="0" smtClean="0">
                    <a:solidFill>
                      <a:schemeClr val="dk2"/>
                    </a:solidFill>
                    <a:latin typeface="Calibri" panose="020F0502020204030204" pitchFamily="34" charset="0"/>
                  </a:rPr>
                  <a:t>12 : 00</a:t>
                </a:r>
                <a:endParaRPr lang="fr-FR" sz="1050" spc="-8" dirty="0">
                  <a:solidFill>
                    <a:schemeClr val="dk2"/>
                  </a:solidFill>
                  <a:latin typeface="Calibri" panose="020F0502020204030204" pitchFamily="34" charset="0"/>
                </a:endParaRPr>
              </a:p>
            </p:txBody>
          </p:sp>
          <p:cxnSp>
            <p:nvCxnSpPr>
              <p:cNvPr id="306" name="OTLSHAPE_M_f9acf0cacfa3405a8b801fe3becb0424_Connector1"/>
              <p:cNvCxnSpPr/>
              <p:nvPr>
                <p:custDataLst>
                  <p:tags r:id="rId104"/>
                </p:custDataLst>
              </p:nvPr>
            </p:nvCxnSpPr>
            <p:spPr>
              <a:xfrm>
                <a:off x="5488743" y="2884720"/>
                <a:ext cx="0" cy="8890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307" name="OTLSHAPE_TB_00000000000000000000000000000000_MinorTickMarkBelow1"/>
            <p:cNvCxnSpPr/>
            <p:nvPr>
              <p:custDataLst>
                <p:tags r:id="rId51"/>
              </p:custDataLst>
            </p:nvPr>
          </p:nvCxnSpPr>
          <p:spPr>
            <a:xfrm>
              <a:off x="4883019" y="3956844"/>
              <a:ext cx="0" cy="47625"/>
            </a:xfrm>
            <a:prstGeom prst="line">
              <a:avLst/>
            </a:prstGeom>
            <a:ln w="9525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5" name="OTLSHAPE_M_fa473bde828d4067928546c55f1833fa_Shape"/>
            <p:cNvSpPr/>
            <p:nvPr>
              <p:custDataLst>
                <p:tags r:id="rId52"/>
              </p:custDataLst>
            </p:nvPr>
          </p:nvSpPr>
          <p:spPr>
            <a:xfrm>
              <a:off x="5283547" y="3599619"/>
              <a:ext cx="643291" cy="106470"/>
            </a:xfrm>
            <a:prstGeom prst="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2000" dirty="0"/>
            </a:p>
          </p:txBody>
        </p:sp>
        <p:sp>
          <p:nvSpPr>
            <p:cNvPr id="336" name="OTLSHAPE_M_fa473bde828d4067928546c55f1833fa_Shape"/>
            <p:cNvSpPr/>
            <p:nvPr>
              <p:custDataLst>
                <p:tags r:id="rId53"/>
              </p:custDataLst>
            </p:nvPr>
          </p:nvSpPr>
          <p:spPr>
            <a:xfrm>
              <a:off x="2418450" y="3588939"/>
              <a:ext cx="1981505" cy="117685"/>
            </a:xfrm>
            <a:prstGeom prst="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2000" dirty="0"/>
            </a:p>
          </p:txBody>
        </p:sp>
        <p:cxnSp>
          <p:nvCxnSpPr>
            <p:cNvPr id="343" name="OTLSHAPE_TB_00000000000000000000000000000000_MinorTickMarkBelow2"/>
            <p:cNvCxnSpPr/>
            <p:nvPr>
              <p:custDataLst>
                <p:tags r:id="rId54"/>
              </p:custDataLst>
            </p:nvPr>
          </p:nvCxnSpPr>
          <p:spPr>
            <a:xfrm>
              <a:off x="9178188" y="3960465"/>
              <a:ext cx="0" cy="47625"/>
            </a:xfrm>
            <a:prstGeom prst="line">
              <a:avLst/>
            </a:prstGeom>
            <a:ln w="9525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4" name="OTLSHAPE_TB_00000000000000000000000000000000_TimescaleInterval2"/>
            <p:cNvSpPr txBox="1"/>
            <p:nvPr>
              <p:custDataLst>
                <p:tags r:id="rId55"/>
              </p:custDataLst>
            </p:nvPr>
          </p:nvSpPr>
          <p:spPr>
            <a:xfrm>
              <a:off x="9081837" y="3774290"/>
              <a:ext cx="426404" cy="18696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fr-FR" sz="1400" b="1" spc="-18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13 : 30</a:t>
              </a:r>
              <a:endParaRPr lang="fr-FR" sz="1400" b="1" spc="-1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pic>
          <p:nvPicPr>
            <p:cNvPr id="114" name="Image 113"/>
            <p:cNvPicPr>
              <a:picLocks noChangeAspect="1"/>
            </p:cNvPicPr>
            <p:nvPr/>
          </p:nvPicPr>
          <p:blipFill>
            <a:blip r:embed="rId13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125190" y="4319152"/>
              <a:ext cx="1203817" cy="1203817"/>
            </a:xfrm>
            <a:prstGeom prst="rect">
              <a:avLst/>
            </a:prstGeom>
          </p:spPr>
        </p:pic>
        <p:cxnSp>
          <p:nvCxnSpPr>
            <p:cNvPr id="387" name="OTLSHAPE_TB_00000000000000000000000000000000_MinorTickMarkBelow2"/>
            <p:cNvCxnSpPr/>
            <p:nvPr>
              <p:custDataLst>
                <p:tags r:id="rId56"/>
              </p:custDataLst>
            </p:nvPr>
          </p:nvCxnSpPr>
          <p:spPr>
            <a:xfrm>
              <a:off x="11392984" y="3972119"/>
              <a:ext cx="0" cy="47625"/>
            </a:xfrm>
            <a:prstGeom prst="line">
              <a:avLst/>
            </a:prstGeom>
            <a:ln w="9525" cap="flat" cmpd="sng" algn="ctr">
              <a:solidFill>
                <a:schemeClr val="dk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8" name="OTLSHAPE_TB_00000000000000000000000000000000_TimescaleInterval2"/>
            <p:cNvSpPr txBox="1"/>
            <p:nvPr>
              <p:custDataLst>
                <p:tags r:id="rId57"/>
              </p:custDataLst>
            </p:nvPr>
          </p:nvSpPr>
          <p:spPr>
            <a:xfrm>
              <a:off x="11296633" y="3785944"/>
              <a:ext cx="426404" cy="18696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fr-FR" sz="1400" b="1" spc="-18" dirty="0" smtClean="0">
                  <a:solidFill>
                    <a:schemeClr val="dk1"/>
                  </a:solidFill>
                  <a:latin typeface="Calibri" panose="020F0502020204030204" pitchFamily="34" charset="0"/>
                </a:rPr>
                <a:t>15 : 00</a:t>
              </a:r>
              <a:endParaRPr lang="fr-FR" sz="1400" b="1" spc="-18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97" name="OTLSHAPE_T_574706828fdd45c1b4cda688f3fa085b_RightVerticalConnector2"/>
            <p:cNvCxnSpPr/>
            <p:nvPr>
              <p:custDataLst>
                <p:tags r:id="rId58"/>
              </p:custDataLst>
            </p:nvPr>
          </p:nvCxnSpPr>
          <p:spPr>
            <a:xfrm>
              <a:off x="1471302" y="5347967"/>
              <a:ext cx="0" cy="787132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8" name="OTLSHAPE_T_574706828fdd45c1b4cda688f3fa085b_LeftVerticalConnector3"/>
            <p:cNvCxnSpPr/>
            <p:nvPr>
              <p:custDataLst>
                <p:tags r:id="rId59"/>
              </p:custDataLst>
            </p:nvPr>
          </p:nvCxnSpPr>
          <p:spPr>
            <a:xfrm>
              <a:off x="813556" y="3874434"/>
              <a:ext cx="0" cy="2205690"/>
            </a:xfrm>
            <a:prstGeom prst="line">
              <a:avLst/>
            </a:prstGeom>
            <a:ln w="7620" cap="flat" cmpd="sng" algn="ctr">
              <a:solidFill>
                <a:srgbClr val="CCCCCC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99" name="OTLSHAPE_T_574706828fdd45c1b4cda688f3fa085b_Shape"/>
            <p:cNvSpPr/>
            <p:nvPr>
              <p:custDataLst>
                <p:tags r:id="rId60"/>
              </p:custDataLst>
            </p:nvPr>
          </p:nvSpPr>
          <p:spPr>
            <a:xfrm>
              <a:off x="817293" y="6093789"/>
              <a:ext cx="1255689" cy="385323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endParaRPr lang="fr-FR" sz="1400" b="1" spc="-24" dirty="0">
                <a:solidFill>
                  <a:schemeClr val="lt2"/>
                </a:solidFill>
                <a:latin typeface="Kristen ITC" panose="03050502040202030202" pitchFamily="66" charset="0"/>
                <a:cs typeface="Arabic Typesetting" panose="03020402040406030203" pitchFamily="66" charset="-78"/>
              </a:endParaRPr>
            </a:p>
          </p:txBody>
        </p:sp>
        <p:sp>
          <p:nvSpPr>
            <p:cNvPr id="400" name="OTLSHAPE_T_574706828fdd45c1b4cda688f3fa085b_Duration"/>
            <p:cNvSpPr txBox="1"/>
            <p:nvPr>
              <p:custDataLst>
                <p:tags r:id="rId61"/>
              </p:custDataLst>
            </p:nvPr>
          </p:nvSpPr>
          <p:spPr>
            <a:xfrm>
              <a:off x="899260" y="6518202"/>
              <a:ext cx="891696" cy="16158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fr-FR" sz="1050" spc="-4" dirty="0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1h  30 minutes</a:t>
              </a:r>
              <a:endParaRPr lang="fr-FR" sz="1050" spc="-4" dirty="0">
                <a:solidFill>
                  <a:schemeClr val="accen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03" name="OTLSHAPE_T_f76a2f58a2d54488b450ec6ff3dee177_Title"/>
            <p:cNvSpPr txBox="1"/>
            <p:nvPr>
              <p:custDataLst>
                <p:tags r:id="rId62"/>
              </p:custDataLst>
            </p:nvPr>
          </p:nvSpPr>
          <p:spPr>
            <a:xfrm>
              <a:off x="765902" y="6203540"/>
              <a:ext cx="1347189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>
              <a:defPPr>
                <a:defRPr lang="en-US"/>
              </a:defPPr>
              <a:lvl1pPr algn="ctr">
                <a:defRPr sz="1400" b="1" spc="-24">
                  <a:solidFill>
                    <a:schemeClr val="lt2"/>
                  </a:solidFill>
                  <a:latin typeface="Calibri" panose="020F0502020204030204" pitchFamily="34" charset="0"/>
                </a:defRPr>
              </a:lvl1pPr>
            </a:lstStyle>
            <a:p>
              <a:r>
                <a:rPr lang="fr-FR" dirty="0">
                  <a:latin typeface="Kristen ITC" panose="03050502040202030202" pitchFamily="66" charset="0"/>
                  <a:cs typeface="Arabic Typesetting" panose="03020402040406030203" pitchFamily="66" charset="-78"/>
                </a:rPr>
                <a:t>Petit Déjeuner</a:t>
              </a:r>
            </a:p>
          </p:txBody>
        </p:sp>
        <p:pic>
          <p:nvPicPr>
            <p:cNvPr id="122" name="Image 121"/>
            <p:cNvPicPr>
              <a:picLocks noChangeAspect="1"/>
            </p:cNvPicPr>
            <p:nvPr/>
          </p:nvPicPr>
          <p:blipFill>
            <a:blip r:embed="rId13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861278" y="4435183"/>
              <a:ext cx="1080188" cy="1198361"/>
            </a:xfrm>
            <a:prstGeom prst="rect">
              <a:avLst/>
            </a:prstGeom>
          </p:spPr>
        </p:pic>
        <p:grpSp>
          <p:nvGrpSpPr>
            <p:cNvPr id="123" name="Groupe 122"/>
            <p:cNvGrpSpPr/>
            <p:nvPr/>
          </p:nvGrpSpPr>
          <p:grpSpPr>
            <a:xfrm>
              <a:off x="9165852" y="129764"/>
              <a:ext cx="2881897" cy="3656182"/>
              <a:chOff x="9194953" y="575045"/>
              <a:chExt cx="2852796" cy="3210900"/>
            </a:xfrm>
          </p:grpSpPr>
          <p:grpSp>
            <p:nvGrpSpPr>
              <p:cNvPr id="367" name="Groupe 366"/>
              <p:cNvGrpSpPr/>
              <p:nvPr/>
            </p:nvGrpSpPr>
            <p:grpSpPr>
              <a:xfrm>
                <a:off x="9194953" y="575045"/>
                <a:ext cx="2852796" cy="3210900"/>
                <a:chOff x="2136409" y="962471"/>
                <a:chExt cx="2330095" cy="2466529"/>
              </a:xfrm>
            </p:grpSpPr>
            <p:cxnSp>
              <p:nvCxnSpPr>
                <p:cNvPr id="371" name="OTLSHAPE_M_0478f9d27f854ee891a7386a782d4821_Connector3"/>
                <p:cNvCxnSpPr/>
                <p:nvPr>
                  <p:custDataLst>
                    <p:tags r:id="rId74"/>
                  </p:custDataLst>
                </p:nvPr>
              </p:nvCxnSpPr>
              <p:spPr>
                <a:xfrm>
                  <a:off x="2652473" y="2678896"/>
                  <a:ext cx="0" cy="750104"/>
                </a:xfrm>
                <a:prstGeom prst="line">
                  <a:avLst/>
                </a:prstGeom>
                <a:ln w="7620" cap="flat" cmpd="sng" algn="ctr">
                  <a:solidFill>
                    <a:schemeClr val="dk2">
                      <a:alpha val="4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8" name="OTLSHAPE_M_9e7364a3952a438ea3432123aace0749_Connector1"/>
                <p:cNvCxnSpPr/>
                <p:nvPr>
                  <p:custDataLst>
                    <p:tags r:id="rId75"/>
                  </p:custDataLst>
                </p:nvPr>
              </p:nvCxnSpPr>
              <p:spPr>
                <a:xfrm>
                  <a:off x="3086782" y="2884720"/>
                  <a:ext cx="0" cy="88900"/>
                </a:xfrm>
                <a:prstGeom prst="line">
                  <a:avLst/>
                </a:prstGeom>
                <a:ln w="7620" cap="flat" cmpd="sng" algn="ctr">
                  <a:solidFill>
                    <a:schemeClr val="dk2">
                      <a:alpha val="4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9" name="OTLSHAPE_M_4b8613a0343547a18149e6e70703af80_Connector2"/>
                <p:cNvCxnSpPr/>
                <p:nvPr>
                  <p:custDataLst>
                    <p:tags r:id="rId76"/>
                  </p:custDataLst>
                </p:nvPr>
              </p:nvCxnSpPr>
              <p:spPr>
                <a:xfrm>
                  <a:off x="2999920" y="2859320"/>
                  <a:ext cx="0" cy="114300"/>
                </a:xfrm>
                <a:prstGeom prst="line">
                  <a:avLst/>
                </a:prstGeom>
                <a:ln w="7620" cap="flat" cmpd="sng" algn="ctr">
                  <a:solidFill>
                    <a:schemeClr val="dk2">
                      <a:alpha val="4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0" name="OTLSHAPE_M_4b8613a0343547a18149e6e70703af80_Connector1"/>
                <p:cNvCxnSpPr/>
                <p:nvPr>
                  <p:custDataLst>
                    <p:tags r:id="rId77"/>
                  </p:custDataLst>
                </p:nvPr>
              </p:nvCxnSpPr>
              <p:spPr>
                <a:xfrm>
                  <a:off x="2999920" y="2403941"/>
                  <a:ext cx="0" cy="88900"/>
                </a:xfrm>
                <a:prstGeom prst="line">
                  <a:avLst/>
                </a:prstGeom>
                <a:ln w="7620" cap="flat" cmpd="sng" algn="ctr">
                  <a:solidFill>
                    <a:schemeClr val="dk2">
                      <a:alpha val="4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2" name="OTLSHAPE_M_0478f9d27f854ee891a7386a782d4821_Connector2"/>
                <p:cNvCxnSpPr/>
                <p:nvPr>
                  <p:custDataLst>
                    <p:tags r:id="rId78"/>
                  </p:custDataLst>
                </p:nvPr>
              </p:nvCxnSpPr>
              <p:spPr>
                <a:xfrm>
                  <a:off x="2652473" y="2198116"/>
                  <a:ext cx="0" cy="294725"/>
                </a:xfrm>
                <a:prstGeom prst="line">
                  <a:avLst/>
                </a:prstGeom>
                <a:ln w="7620" cap="flat" cmpd="sng" algn="ctr">
                  <a:solidFill>
                    <a:schemeClr val="dk2">
                      <a:alpha val="4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3" name="OTLSHAPE_M_0478f9d27f854ee891a7386a782d4821_Connector1"/>
                <p:cNvCxnSpPr/>
                <p:nvPr>
                  <p:custDataLst>
                    <p:tags r:id="rId79"/>
                  </p:custDataLst>
                </p:nvPr>
              </p:nvCxnSpPr>
              <p:spPr>
                <a:xfrm>
                  <a:off x="2709623" y="1913636"/>
                  <a:ext cx="0" cy="88900"/>
                </a:xfrm>
                <a:prstGeom prst="line">
                  <a:avLst/>
                </a:prstGeom>
                <a:ln w="7620" cap="flat" cmpd="sng" algn="ctr">
                  <a:solidFill>
                    <a:schemeClr val="dk2">
                      <a:alpha val="4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4" name="OTLSHAPE_M_fa473bde828d4067928546c55f1833fa_Connector2"/>
                <p:cNvCxnSpPr/>
                <p:nvPr>
                  <p:custDataLst>
                    <p:tags r:id="rId80"/>
                  </p:custDataLst>
                </p:nvPr>
              </p:nvCxnSpPr>
              <p:spPr>
                <a:xfrm>
                  <a:off x="2565612" y="1897761"/>
                  <a:ext cx="0" cy="114300"/>
                </a:xfrm>
                <a:prstGeom prst="line">
                  <a:avLst/>
                </a:prstGeom>
                <a:ln w="7620" cap="flat" cmpd="sng" algn="ctr">
                  <a:solidFill>
                    <a:schemeClr val="dk2">
                      <a:alpha val="4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375" name="OTLSHAPE_M_0478f9d27f854ee891a7386a782d4821_Title"/>
                <p:cNvSpPr txBox="1"/>
                <p:nvPr>
                  <p:custDataLst>
                    <p:tags r:id="rId81"/>
                  </p:custDataLst>
                </p:nvPr>
              </p:nvSpPr>
              <p:spPr>
                <a:xfrm>
                  <a:off x="2136409" y="1565698"/>
                  <a:ext cx="1601761" cy="14534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fr-FR" sz="1400" b="1" dirty="0" smtClean="0">
                      <a:solidFill>
                        <a:schemeClr val="accent1"/>
                      </a:solidFill>
                      <a:latin typeface="Calibri Light" panose="020F0302020204030204" pitchFamily="34" charset="0"/>
                    </a:rPr>
                    <a:t>Discussion sur la convention</a:t>
                  </a:r>
                  <a:endParaRPr lang="fr-FR" sz="1400" b="1" dirty="0">
                    <a:solidFill>
                      <a:schemeClr val="accent1"/>
                    </a:solidFill>
                    <a:latin typeface="Calibri Light" panose="020F0302020204030204" pitchFamily="34" charset="0"/>
                  </a:endParaRPr>
                </a:p>
              </p:txBody>
            </p:sp>
            <p:sp>
              <p:nvSpPr>
                <p:cNvPr id="376" name="OTLSHAPE_M_0478f9d27f854ee891a7386a782d4821_Date"/>
                <p:cNvSpPr txBox="1"/>
                <p:nvPr>
                  <p:custDataLst>
                    <p:tags r:id="rId82"/>
                  </p:custDataLst>
                </p:nvPr>
              </p:nvSpPr>
              <p:spPr>
                <a:xfrm>
                  <a:off x="2500349" y="1711242"/>
                  <a:ext cx="347446" cy="21801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fr-FR" sz="1050" spc="-8" dirty="0" smtClean="0">
                      <a:solidFill>
                        <a:schemeClr val="dk2"/>
                      </a:solidFill>
                      <a:latin typeface="Calibri" panose="020F0502020204030204" pitchFamily="34" charset="0"/>
                    </a:rPr>
                    <a:t>13h : 30</a:t>
                  </a:r>
                  <a:endParaRPr lang="fr-FR" sz="1050" spc="-8" dirty="0">
                    <a:solidFill>
                      <a:schemeClr val="dk2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377" name="OTLSHAPE_M_4b8613a0343547a18149e6e70703af80_Title"/>
                <p:cNvSpPr txBox="1"/>
                <p:nvPr>
                  <p:custDataLst>
                    <p:tags r:id="rId83"/>
                  </p:custDataLst>
                </p:nvPr>
              </p:nvSpPr>
              <p:spPr>
                <a:xfrm>
                  <a:off x="2753393" y="1944157"/>
                  <a:ext cx="1241400" cy="290684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fr-FR" sz="1400" b="1" dirty="0" smtClean="0">
                      <a:solidFill>
                        <a:schemeClr val="accent1"/>
                      </a:solidFill>
                      <a:latin typeface="Calibri Light" panose="020F0302020204030204" pitchFamily="34" charset="0"/>
                    </a:rPr>
                    <a:t>Moussa Sall – Jean Le Fur</a:t>
                  </a:r>
                  <a:endParaRPr lang="fr-FR" sz="1400" b="1" dirty="0">
                    <a:solidFill>
                      <a:schemeClr val="accent1"/>
                    </a:solidFill>
                    <a:latin typeface="Calibri Light" panose="020F0302020204030204" pitchFamily="34" charset="0"/>
                  </a:endParaRPr>
                </a:p>
              </p:txBody>
            </p:sp>
            <p:sp>
              <p:nvSpPr>
                <p:cNvPr id="378" name="OTLSHAPE_M_4b8613a0343547a18149e6e70703af80_Date"/>
                <p:cNvSpPr txBox="1"/>
                <p:nvPr>
                  <p:custDataLst>
                    <p:tags r:id="rId84"/>
                  </p:custDataLst>
                </p:nvPr>
              </p:nvSpPr>
              <p:spPr>
                <a:xfrm>
                  <a:off x="2800170" y="2246525"/>
                  <a:ext cx="378962" cy="109007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fr-FR" sz="1050" spc="-8" dirty="0" smtClean="0">
                      <a:solidFill>
                        <a:schemeClr val="dk2"/>
                      </a:solidFill>
                      <a:latin typeface="Calibri" panose="020F0502020204030204" pitchFamily="34" charset="0"/>
                    </a:rPr>
                    <a:t>14 : 15</a:t>
                  </a:r>
                  <a:endParaRPr lang="fr-FR" sz="1050" spc="-8" dirty="0">
                    <a:solidFill>
                      <a:schemeClr val="dk2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379" name="OTLSHAPE_M_9e7364a3952a438ea3432123aace0749_Title"/>
                <p:cNvSpPr txBox="1"/>
                <p:nvPr>
                  <p:custDataLst>
                    <p:tags r:id="rId85"/>
                  </p:custDataLst>
                </p:nvPr>
              </p:nvSpPr>
              <p:spPr>
                <a:xfrm>
                  <a:off x="2168856" y="2523827"/>
                  <a:ext cx="1569314" cy="14534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fr-FR" sz="1400" b="1" dirty="0" smtClean="0">
                      <a:solidFill>
                        <a:schemeClr val="accent1"/>
                      </a:solidFill>
                      <a:latin typeface="Calibri Light" panose="020F0302020204030204" pitchFamily="34" charset="0"/>
                    </a:rPr>
                    <a:t>Présentation plan d’action </a:t>
                  </a:r>
                  <a:endParaRPr lang="fr-FR" sz="1400" b="1" dirty="0">
                    <a:solidFill>
                      <a:schemeClr val="accent1"/>
                    </a:solidFill>
                    <a:latin typeface="Calibri Light" panose="020F0302020204030204" pitchFamily="34" charset="0"/>
                  </a:endParaRPr>
                </a:p>
              </p:txBody>
            </p:sp>
            <p:sp>
              <p:nvSpPr>
                <p:cNvPr id="380" name="OTLSHAPE_M_9e7364a3952a438ea3432123aace0749_Date"/>
                <p:cNvSpPr txBox="1"/>
                <p:nvPr>
                  <p:custDataLst>
                    <p:tags r:id="rId86"/>
                  </p:custDataLst>
                </p:nvPr>
              </p:nvSpPr>
              <p:spPr>
                <a:xfrm>
                  <a:off x="2934656" y="2727305"/>
                  <a:ext cx="370065" cy="109007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fr-FR" sz="1050" spc="-8" dirty="0" smtClean="0">
                      <a:solidFill>
                        <a:schemeClr val="dk2"/>
                      </a:solidFill>
                      <a:latin typeface="Calibri" panose="020F0502020204030204" pitchFamily="34" charset="0"/>
                    </a:rPr>
                    <a:t>14 : 15</a:t>
                  </a:r>
                  <a:endParaRPr lang="fr-FR" sz="1050" spc="-8" dirty="0">
                    <a:solidFill>
                      <a:schemeClr val="dk2"/>
                    </a:solidFill>
                    <a:latin typeface="Calibri" panose="020F0502020204030204" pitchFamily="34" charset="0"/>
                  </a:endParaRPr>
                </a:p>
              </p:txBody>
            </p:sp>
            <p:sp>
              <p:nvSpPr>
                <p:cNvPr id="381" name="OTLSHAPE_M_7a81383bb96f44c1a9947cd455f3ada8_Title"/>
                <p:cNvSpPr txBox="1"/>
                <p:nvPr>
                  <p:custDataLst>
                    <p:tags r:id="rId87"/>
                  </p:custDataLst>
                </p:nvPr>
              </p:nvSpPr>
              <p:spPr>
                <a:xfrm>
                  <a:off x="2700930" y="2964839"/>
                  <a:ext cx="1666650" cy="14534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fr-FR" sz="1400" b="1" dirty="0" smtClean="0">
                      <a:solidFill>
                        <a:schemeClr val="accent1"/>
                      </a:solidFill>
                      <a:latin typeface="Calibri Light" panose="020F0302020204030204" pitchFamily="34" charset="0"/>
                    </a:rPr>
                    <a:t>Papa Jules – Jean Le Fur</a:t>
                  </a:r>
                  <a:endParaRPr lang="fr-FR" sz="1400" b="1" dirty="0">
                    <a:solidFill>
                      <a:schemeClr val="accent1"/>
                    </a:solidFill>
                    <a:latin typeface="Calibri Light" panose="020F0302020204030204" pitchFamily="34" charset="0"/>
                  </a:endParaRPr>
                </a:p>
              </p:txBody>
            </p:sp>
            <p:sp>
              <p:nvSpPr>
                <p:cNvPr id="382" name="OTLSHAPE_M_7a81383bb96f44c1a9947cd455f3ada8_Date"/>
                <p:cNvSpPr txBox="1"/>
                <p:nvPr>
                  <p:custDataLst>
                    <p:tags r:id="rId88"/>
                  </p:custDataLst>
                </p:nvPr>
              </p:nvSpPr>
              <p:spPr>
                <a:xfrm>
                  <a:off x="2805470" y="3132251"/>
                  <a:ext cx="380368" cy="109007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fr-FR" sz="1050" spc="-8" dirty="0" smtClean="0">
                      <a:solidFill>
                        <a:schemeClr val="dk2"/>
                      </a:solidFill>
                      <a:latin typeface="Calibri" panose="020F0502020204030204" pitchFamily="34" charset="0"/>
                    </a:rPr>
                    <a:t>15 : 00</a:t>
                  </a:r>
                  <a:endParaRPr lang="fr-FR" sz="1050" spc="-8" dirty="0">
                    <a:solidFill>
                      <a:schemeClr val="dk2"/>
                    </a:solidFill>
                    <a:latin typeface="Calibri" panose="020F0502020204030204" pitchFamily="34" charset="0"/>
                  </a:endParaRPr>
                </a:p>
              </p:txBody>
            </p:sp>
            <p:cxnSp>
              <p:nvCxnSpPr>
                <p:cNvPr id="383" name="OTLSHAPE_M_94d10516900845d29c6f5d206a71d14c_Connector1"/>
                <p:cNvCxnSpPr/>
                <p:nvPr>
                  <p:custDataLst>
                    <p:tags r:id="rId89"/>
                  </p:custDataLst>
                </p:nvPr>
              </p:nvCxnSpPr>
              <p:spPr>
                <a:xfrm>
                  <a:off x="3296404" y="1027636"/>
                  <a:ext cx="0" cy="470944"/>
                </a:xfrm>
                <a:prstGeom prst="line">
                  <a:avLst/>
                </a:prstGeom>
                <a:ln w="7620" cap="flat" cmpd="sng" algn="ctr">
                  <a:solidFill>
                    <a:schemeClr val="dk2">
                      <a:alpha val="4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384" name="OTLSHAPE_M_94d10516900845d29c6f5d206a71d14c_Shape"/>
                <p:cNvSpPr/>
                <p:nvPr>
                  <p:custDataLst>
                    <p:tags r:id="rId90"/>
                  </p:custDataLst>
                </p:nvPr>
              </p:nvSpPr>
              <p:spPr>
                <a:xfrm rot="16200000">
                  <a:off x="3321804" y="1027636"/>
                  <a:ext cx="228600" cy="228600"/>
                </a:xfrm>
                <a:prstGeom prst="flowChartMerge">
                  <a:avLst/>
                </a:prstGeom>
                <a:solidFill>
                  <a:schemeClr val="dk2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>
                          <a:scrgbClr r="0" g="0" b="0">
                            <a:alpha val="50000"/>
                          </a:scrgbClr>
                        </a:outerShdw>
                      </a:effectLst>
                    </a14:hiddenEffects>
                  </a:ext>
                  <a:ext uri="{53640926-AAD7-44D8-BBD7-CCE9431645EC}">
                    <a14:shadowObscured xmlns:a14="http://schemas.microsoft.com/office/drawing/2010/main" val="1"/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fr-FR" sz="2000" dirty="0"/>
                </a:p>
              </p:txBody>
            </p:sp>
            <p:sp>
              <p:nvSpPr>
                <p:cNvPr id="385" name="OTLSHAPE_M_94d10516900845d29c6f5d206a71d14c_Title"/>
                <p:cNvSpPr txBox="1"/>
                <p:nvPr>
                  <p:custDataLst>
                    <p:tags r:id="rId91"/>
                  </p:custDataLst>
                </p:nvPr>
              </p:nvSpPr>
              <p:spPr>
                <a:xfrm>
                  <a:off x="3583423" y="962471"/>
                  <a:ext cx="883081" cy="145343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r>
                    <a:rPr lang="fr-FR" sz="1400" b="1" dirty="0" smtClean="0">
                      <a:solidFill>
                        <a:schemeClr val="accent1"/>
                      </a:solidFill>
                      <a:latin typeface="Calibri Light" panose="020F0302020204030204" pitchFamily="34" charset="0"/>
                    </a:rPr>
                    <a:t>Connaitre le CI</a:t>
                  </a:r>
                  <a:endParaRPr lang="fr-FR" sz="1400" b="1" dirty="0">
                    <a:solidFill>
                      <a:schemeClr val="accent1"/>
                    </a:solidFill>
                    <a:latin typeface="Calibri Light" panose="020F0302020204030204" pitchFamily="34" charset="0"/>
                  </a:endParaRPr>
                </a:p>
              </p:txBody>
            </p:sp>
            <p:sp>
              <p:nvSpPr>
                <p:cNvPr id="386" name="OTLSHAPE_M_94d10516900845d29c6f5d206a71d14c_Date"/>
                <p:cNvSpPr txBox="1"/>
                <p:nvPr>
                  <p:custDataLst>
                    <p:tags r:id="rId92"/>
                  </p:custDataLst>
                </p:nvPr>
              </p:nvSpPr>
              <p:spPr>
                <a:xfrm>
                  <a:off x="3583424" y="1167760"/>
                  <a:ext cx="425988" cy="109007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r>
                    <a:rPr lang="fr-FR" sz="1050" b="1" spc="-8" dirty="0" smtClean="0">
                      <a:solidFill>
                        <a:srgbClr val="00B050"/>
                      </a:solidFill>
                      <a:latin typeface="Calibri" panose="020F0502020204030204" pitchFamily="34" charset="0"/>
                    </a:rPr>
                    <a:t>11 : 30</a:t>
                  </a:r>
                  <a:endParaRPr lang="fr-FR" sz="1050" b="1" spc="-8" dirty="0">
                    <a:solidFill>
                      <a:srgbClr val="00B050"/>
                    </a:solidFill>
                    <a:latin typeface="Calibri" panose="020F0502020204030204" pitchFamily="34" charset="0"/>
                  </a:endParaRPr>
                </a:p>
              </p:txBody>
            </p:sp>
          </p:grpSp>
          <p:sp>
            <p:nvSpPr>
              <p:cNvPr id="406" name="OTLSHAPE_M_fa473bde828d4067928546c55f1833fa_Shape"/>
              <p:cNvSpPr/>
              <p:nvPr>
                <p:custDataLst>
                  <p:tags r:id="rId72"/>
                </p:custDataLst>
              </p:nvPr>
            </p:nvSpPr>
            <p:spPr>
              <a:xfrm>
                <a:off x="9690794" y="3590209"/>
                <a:ext cx="1981505" cy="117685"/>
              </a:xfrm>
              <a:prstGeom prst="rect">
                <a:avLst/>
              </a:prstGeom>
              <a:solidFill>
                <a:schemeClr val="dk2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 sz="2000" dirty="0"/>
              </a:p>
            </p:txBody>
          </p:sp>
          <p:cxnSp>
            <p:nvCxnSpPr>
              <p:cNvPr id="408" name="OTLSHAPE_M_4b8613a0343547a18149e6e70703af80_Connector3"/>
              <p:cNvCxnSpPr/>
              <p:nvPr>
                <p:custDataLst>
                  <p:tags r:id="rId73"/>
                </p:custDataLst>
              </p:nvPr>
            </p:nvCxnSpPr>
            <p:spPr>
              <a:xfrm>
                <a:off x="9950343" y="3330913"/>
                <a:ext cx="0" cy="269325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10" name="OTLSHAPE_M_fa473bde828d4067928546c55f1833fa_Shape"/>
            <p:cNvSpPr/>
            <p:nvPr>
              <p:custDataLst>
                <p:tags r:id="rId63"/>
              </p:custDataLst>
            </p:nvPr>
          </p:nvSpPr>
          <p:spPr>
            <a:xfrm>
              <a:off x="7960002" y="3604286"/>
              <a:ext cx="643291" cy="106470"/>
            </a:xfrm>
            <a:prstGeom prst="rect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2000" dirty="0"/>
            </a:p>
          </p:txBody>
        </p:sp>
        <p:grpSp>
          <p:nvGrpSpPr>
            <p:cNvPr id="411" name="Groupe 410"/>
            <p:cNvGrpSpPr/>
            <p:nvPr/>
          </p:nvGrpSpPr>
          <p:grpSpPr>
            <a:xfrm>
              <a:off x="7802700" y="405904"/>
              <a:ext cx="1789375" cy="3241353"/>
              <a:chOff x="547420" y="519504"/>
              <a:chExt cx="1746851" cy="2909496"/>
            </a:xfrm>
          </p:grpSpPr>
          <p:cxnSp>
            <p:nvCxnSpPr>
              <p:cNvPr id="412" name="OTLSHAPE_M_fa473bde828d4067928546c55f1833fa_Connector4"/>
              <p:cNvCxnSpPr/>
              <p:nvPr>
                <p:custDataLst>
                  <p:tags r:id="rId64"/>
                </p:custDataLst>
              </p:nvPr>
            </p:nvCxnSpPr>
            <p:spPr>
              <a:xfrm>
                <a:off x="851112" y="2678896"/>
                <a:ext cx="0" cy="750104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3" name="OTLSHAPE_M_fa473bde828d4067928546c55f1833fa_Connector3"/>
              <p:cNvCxnSpPr/>
              <p:nvPr>
                <p:custDataLst>
                  <p:tags r:id="rId65"/>
                </p:custDataLst>
              </p:nvPr>
            </p:nvCxnSpPr>
            <p:spPr>
              <a:xfrm>
                <a:off x="851112" y="1897761"/>
                <a:ext cx="0" cy="59508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14" name="OTLSHAPE_M_fa473bde828d4067928546c55f1833fa_Connector1"/>
              <p:cNvCxnSpPr/>
              <p:nvPr>
                <p:custDataLst>
                  <p:tags r:id="rId66"/>
                </p:custDataLst>
              </p:nvPr>
            </p:nvCxnSpPr>
            <p:spPr>
              <a:xfrm>
                <a:off x="851112" y="1442381"/>
                <a:ext cx="0" cy="88900"/>
              </a:xfrm>
              <a:prstGeom prst="line">
                <a:avLst/>
              </a:prstGeom>
              <a:ln w="7620" cap="flat" cmpd="sng" algn="ctr">
                <a:solidFill>
                  <a:schemeClr val="dk2">
                    <a:alpha val="4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415" name="OTLSHAPE_M_fa473bde828d4067928546c55f1833fa_Title"/>
              <p:cNvSpPr txBox="1"/>
              <p:nvPr>
                <p:custDataLst>
                  <p:tags r:id="rId67"/>
                </p:custDataLst>
              </p:nvPr>
            </p:nvSpPr>
            <p:spPr>
              <a:xfrm>
                <a:off x="547420" y="1054512"/>
                <a:ext cx="587587" cy="19338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Pause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416" name="OTLSHAPE_M_fa473bde828d4067928546c55f1833fa_Date"/>
              <p:cNvSpPr txBox="1"/>
              <p:nvPr>
                <p:custDataLst>
                  <p:tags r:id="rId68"/>
                </p:custDataLst>
              </p:nvPr>
            </p:nvSpPr>
            <p:spPr>
              <a:xfrm>
                <a:off x="632311" y="1266949"/>
                <a:ext cx="417807" cy="14504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050" b="1" spc="-8" dirty="0" smtClean="0">
                    <a:solidFill>
                      <a:srgbClr val="00B050"/>
                    </a:solidFill>
                    <a:latin typeface="Calibri" panose="020F0502020204030204" pitchFamily="34" charset="0"/>
                  </a:rPr>
                  <a:t>13 : 30</a:t>
                </a:r>
                <a:endParaRPr lang="fr-FR" sz="1050" b="1" spc="-8" dirty="0">
                  <a:solidFill>
                    <a:srgbClr val="00B050"/>
                  </a:solidFill>
                  <a:latin typeface="Calibri" panose="020F0502020204030204" pitchFamily="34" charset="0"/>
                </a:endParaRPr>
              </a:p>
            </p:txBody>
          </p:sp>
          <p:sp>
            <p:nvSpPr>
              <p:cNvPr id="417" name="OTLSHAPE_M_0478f9d27f854ee891a7386a782d4821_Title"/>
              <p:cNvSpPr txBox="1"/>
              <p:nvPr>
                <p:custDataLst>
                  <p:tags r:id="rId69"/>
                </p:custDataLst>
              </p:nvPr>
            </p:nvSpPr>
            <p:spPr>
              <a:xfrm>
                <a:off x="632311" y="1620767"/>
                <a:ext cx="811070" cy="19338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SanarSoft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418" name="OTLSHAPE_M_0478f9d27f854ee891a7386a782d4821_Title"/>
              <p:cNvSpPr txBox="1"/>
              <p:nvPr>
                <p:custDataLst>
                  <p:tags r:id="rId70"/>
                </p:custDataLst>
              </p:nvPr>
            </p:nvSpPr>
            <p:spPr>
              <a:xfrm>
                <a:off x="707588" y="2487161"/>
                <a:ext cx="370008" cy="19338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fr-FR" sz="1400" b="1" dirty="0" smtClean="0">
                    <a:solidFill>
                      <a:schemeClr val="accent1"/>
                    </a:solidFill>
                    <a:latin typeface="Calibri Light" panose="020F0302020204030204" pitchFamily="34" charset="0"/>
                  </a:rPr>
                  <a:t>IRD</a:t>
                </a:r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  <p:sp>
            <p:nvSpPr>
              <p:cNvPr id="421" name="OTLSHAPE_M_94d10516900845d29c6f5d206a71d14c_Title"/>
              <p:cNvSpPr txBox="1"/>
              <p:nvPr>
                <p:custDataLst>
                  <p:tags r:id="rId71"/>
                </p:custDataLst>
              </p:nvPr>
            </p:nvSpPr>
            <p:spPr>
              <a:xfrm>
                <a:off x="1185201" y="519504"/>
                <a:ext cx="1109070" cy="193386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endParaRPr lang="fr-FR" sz="1400" b="1" dirty="0">
                  <a:solidFill>
                    <a:schemeClr val="accent1"/>
                  </a:solidFill>
                  <a:latin typeface="Calibri Light" panose="020F0302020204030204" pitchFamily="34" charset="0"/>
                </a:endParaRPr>
              </a:p>
            </p:txBody>
          </p:sp>
        </p:grpSp>
      </p:grpSp>
    </p:spTree>
    <p:custDataLst>
      <p:tags r:id="rId1"/>
    </p:custDataLst>
    <p:extLst>
      <p:ext uri="{BB962C8B-B14F-4D97-AF65-F5344CB8AC3E}">
        <p14:creationId xmlns:p14="http://schemas.microsoft.com/office/powerpoint/2010/main" val="34592012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yLjAiLCJPcmlnaW5hbEFzc2VtYmx5VmVyc2lvbiI6IjMuMTAuMDIuMDAiLCJFZGl0aW9uIjoiUHJvIiwiSXNQbHVzRWRpdGlvbiI6dHJ1ZSwiSXNQcm9FZGl0aW9uIjp0cnVlfSwiRWZmZWN0Ijow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DAsIkciOjQ4LCJCIjoyMDR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YsIkZvbnROYW1lIjoiQ2FsaWJyaSIsIklzQm9sZCI6ZmFsc2UsIklzSXRhbGljIjpmYWxzZSwiSXNVbmRlcmxpbmVkIjpmYWxzZSwiUGFyZW50U3R5bGUiOm51bGx9LCJBdXRvU2l6ZSI6MCwiRm9yZWdyb3VuZCI6eyIkaWQiOiIyMyIsIkNvbG9yIjp7IiRpZCI6IjI0IiwiQSI6MjU1LCJSIjoyMDAsIkciOjQ4LCJCIjoyMDR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IwMCwiRyI6NDgsIkIiOjIwNH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NYXJnaW4iOm51bGwsIlN0YXJ0RGF0ZVBvc2l0aW9uIjozLCJFbmREYXRlUG9zaXRpb24iOjQsIkRhdGVJc1Zpc2libGUiOnRydWUsIlRpdGxlUG9zaXRpb24iOjIsIkR1cmF0aW9uUG9zaXRpb24iOjEsIlBlcmNlbnRhZ2VDb21wbGV0ZWRQb3NpdGlvbiI6NiwiU3BhY2luZyI6MywiSXNCZWxvd1RpbWViYW5kIjp0cnV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A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0LCJGb250TmFtZSI6IkNhbGlicmkiLCJJc0JvbGQiOmZhbHNlLCJJc0l0YWxpYyI6ZmFsc2UsIklzVW5kZXJsaW5lZCI6ZmFsc2UsIlBhcmVudFN0eWxlIjpudWxsfSwiQXV0b1NpemUiOjAsIkZvcmVncm91bmQiOnsiJGlkIjoiMTE1IiwiQ29sb3IiOnsiJGlkIjoiMTE2IiwiQSI6MjU1LCJSIjoyMTYsIkciOjIxNywiQiI6MjIwfX0sIk1heFdpZHRoIjoyMDAuMCwiTWF4SGVpZ2h0IjoiSW5maW5pdHkiLCJTbWFydEZvcmVncm91bmRJc0FjdGl2ZSI6ZmFsc2UsIkhvcml6b250YWxBbGlnbm1lbnQiOjE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EwLCJGb250TmFtZSI6IkNhbGlicmkiLCJJc0JvbGQiOmZhbHNlLCJJc0l0YWxpYyI6ZmFsc2UsIklzVW5kZXJsaW5lZCI6ZmFsc2UsIlBhcmVudFN0eWxlIjpudWxsfSwiQXV0b1NpemUiOjAsIkZvcmVncm91bmQiOnsiJGlkIjoiMTIyIiwiQ29sb3IiOnsiJGlkIjoiMTIzIiwiQSI6MjU1LCJSIjo2OSwiRyI6NjksIkIiOjgx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MTI4IiwiRGF0ZVBhcnRJc1Zpc2libGUiOmZhbHNlLCJUaW1lUGFydElzVmlzaWJsZSI6ZmFsc2V9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nRydW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dHJ1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jkiLCJMaW5lQ29sb3IiOm51bGwsIkxpbmVXZWlnaHQiOjAuMCwiTGluZVR5cGUiOjAsIlBhcmVudFN0eWxlIjpudWxsfSwiUGFyZW50U3R5bGUiOnsiJHJlZiI6Ijg1In19LCJEdXJhdGlvblN0eWxlIjp7IiRpZCI6IjM3MCIsIkZvbnRTZXR0aW5ncyI6eyIkaWQiOiIzNzE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gzIiwiTGluZUNvbG9yIjpudWxsLCJMaW5lV2VpZ2h0IjowLjAsIkxpbmVUeXBlIjowLCJQYXJlbnRTdHlsZSI6bnVsbH0sIlBhcmVudFN0eWxlIjp7IiRyZWYiOiIxMTMifX0sIkRhdGVTdHlsZSI6eyIkaWQiOiIzODQiLCJGb250U2V0dGluZ3MiOnsiJGlkIjoiMzg1IiwiRm9udFNpemUiOjEw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kyIiwiTGluZUNvbG9yIjpudWxsLCJMaW5lV2VpZ2h0IjowLjAsIkxpbmVUeXBlIjowLCJQYXJlbnRTdHlsZSI6bnVsbH0sIlBhcmVudFN0eWxlIjp7IiRyZWYiOiI4NSJ9fSwiRHVyYXRpb25TdHlsZSI6eyIkaWQiOiIzOTMiLCJGb250U2V0dGluZ3MiOnsiJGlkIjoiMzk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DgiLCJMaW5lQ29sb3IiOm51bGwsIkxpbmVXZWlnaHQiOjAuMCwiTGluZVR5cGUiOjAsIlBhcmVudFN0eWxlIjpudWxsfSwiUGFyZW50U3R5bGUiOnsiJHJlZiI6IjExMyJ9fSwiRGF0ZVN0eWxlIjp7IiRpZCI6IjQwOSIsIkZvbnRTZXR0aW5ncyI6eyIkaWQiOiI0MTA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xNyIsIkxpbmVDb2xvciI6bnVsbCwiTGluZVdlaWdodCI6MC4wLCJMaW5lVHlwZSI6MCwiUGFyZW50U3R5bGUiOm51bGx9LCJQYXJlbnRTdHlsZSI6eyIkcmVmIjoiODUifX0sIkR1cmF0aW9uU3R5bGUiOnsiJGlkIjoiNDE4IiwiRm9udFNldHRpbmdzIjp7IiRpZCI6IjQxO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zEiLCJMaW5lQ29sb3IiOm51bGwsIkxpbmVXZWlnaHQiOjAuMCwiTGluZVR5cGUiOjAsIlBhcmVudFN0eWxlIjpudWxsfSwiUGFyZW50U3R5bGUiOnsiJHJlZiI6IjExMyJ9fSwiRGF0ZVN0eWxlIjp7IiRpZCI6IjQzMiIsIkZvbnRTZXR0aW5ncyI6eyIkaWQiOiI0MzM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0MCIsIkxpbmVDb2xvciI6bnVsbCwiTGluZVdlaWdodCI6MC4wLCJMaW5lVHlwZSI6MCwiUGFyZW50U3R5bGUiOm51bGx9LCJQYXJlbnRTdHlsZSI6eyIkcmVmIjoiODUifX0sIkR1cmF0aW9uU3R5bGUiOnsiJGlkIjoiNDQxIiwiRm9udFNldHRpbmdzIjp7IiRpZCI6IjQ0Mi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TYiLCJMaW5lQ29sb3IiOm51bGwsIkxpbmVXZWlnaHQiOjAuMCwiTGluZVR5cGUiOjAsIlBhcmVudFN0eWxlIjpudWxsfSwiUGFyZW50U3R5bGUiOnsiJHJlZiI6IjExMyJ9fSwiRGF0ZVN0eWxlIjp7IiRpZCI6IjQ1NyIsIkZvbnRTZXR0aW5ncyI6eyIkaWQiOiI0NTg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2NSIsIkxpbmVDb2xvciI6bnVsbCwiTGluZVdlaWdodCI6MC4wLCJMaW5lVHlwZSI6MCwiUGFyZW50U3R5bGUiOm51bGx9LCJQYXJlbnRTdHlsZSI6eyIkcmVmIjoiODUifX0sIkR1cmF0aW9uU3R5bGUiOnsiJGlkIjoiNDY2IiwiRm9udFNldHRpbmdzIjp7IiRpZCI6IjQ2Ny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zkiLCJMaW5lQ29sb3IiOm51bGwsIkxpbmVXZWlnaHQiOjAuMCwiTGluZVR5cGUiOjAsIlBhcmVudFN0eWxlIjpudWxsfSwiUGFyZW50U3R5bGUiOnsiJHJlZiI6IjExMyJ9fSwiRGF0ZVN0eWxlIjp7IiRpZCI6IjQ4MCIsIkZvbnRTZXR0aW5ncyI6eyIkaWQiOiI0ODE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x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g4IiwiVXNlVGltZSI6dHJ1ZSwiV29ya0RheVN0YXJ0IjoiMDg6MDA6MDAiLCJXb3JrRGF5RW5kIjoiMTc6MDA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8</Words>
  <Application>Microsoft Office PowerPoint</Application>
  <PresentationFormat>Grand écran</PresentationFormat>
  <Paragraphs>52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6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8" baseType="lpstr">
      <vt:lpstr>Arabic Typesetting</vt:lpstr>
      <vt:lpstr>Arial</vt:lpstr>
      <vt:lpstr>Calibri</vt:lpstr>
      <vt:lpstr>Calibri Light</vt:lpstr>
      <vt:lpstr>Chiller</vt:lpstr>
      <vt:lpstr>Kristen ITC</vt:lpstr>
      <vt:lpstr>Office Theme</vt:lpstr>
      <vt:lpstr>Présentation PowerPoint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12T17:37:13Z</dcterms:created>
  <dcterms:modified xsi:type="dcterms:W3CDTF">2020-01-15T10:20:01Z</dcterms:modified>
</cp:coreProperties>
</file>